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4. Juraj\08 - 2021 - 218. (Príprava) Jednorázový operačný set by-pass\03. Príprava\05. PTK\01. Odoslanie PTK\"/>
    </mc:Choice>
  </mc:AlternateContent>
  <bookViews>
    <workbookView xWindow="0" yWindow="0" windowWidth="23040" windowHeight="9195"/>
  </bookViews>
  <sheets>
    <sheet name="Cenová ponuka" sheetId="8" r:id="rId1"/>
  </sheets>
  <definedNames>
    <definedName name="_xlnm.Print_Area" localSheetId="0">'Cenová ponuka'!$B$1:$F$23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98" uniqueCount="340">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6.</t>
  </si>
  <si>
    <t>17.</t>
  </si>
  <si>
    <t>18.</t>
  </si>
  <si>
    <t>19.</t>
  </si>
  <si>
    <t>20.</t>
  </si>
  <si>
    <t>21.</t>
  </si>
  <si>
    <t>12.1</t>
  </si>
  <si>
    <t>Požaduje sa, aby dodávateľ v čase predloženia ponuky a zároveň počas trvania zmluvy bol oprávnený na poskytnutie plnenia predmetu zákazky.</t>
  </si>
  <si>
    <t>Jednorazový operačný set by-pass</t>
  </si>
  <si>
    <t>33140000-3   Zdravotnícky spotrebný materiál</t>
  </si>
  <si>
    <t>Jednorazový operačný set (spotrebný) používaný pri kardiochirurgických operáciách používaný na zabezpečenie krytia
pracovnej plochy, operačného poľa a personálu počas operačného zákroku.</t>
  </si>
  <si>
    <t>Položka č. 1 - Jednorazový operačný set by-pass</t>
  </si>
  <si>
    <t>musí obsahovať nasledovné produkty:</t>
  </si>
  <si>
    <t>1.1</t>
  </si>
  <si>
    <r>
      <t xml:space="preserve">Produkt č.1 - </t>
    </r>
    <r>
      <rPr>
        <b/>
        <sz val="10"/>
        <rFont val="Arial"/>
        <family val="2"/>
        <charset val="238"/>
      </rPr>
      <t>Operačné krycie obalové rúško stola</t>
    </r>
  </si>
  <si>
    <t>1.1.1</t>
  </si>
  <si>
    <t>počet: 1 kus</t>
  </si>
  <si>
    <t>1.1.2</t>
  </si>
  <si>
    <t>dvojvrstvová polyethylénová fóliová rúška na stolík potiahnutá polypropylénom, v ktorej musia byť zabalené produkty setu č.2 až č.13</t>
  </si>
  <si>
    <t>1.1.3</t>
  </si>
  <si>
    <t>musí zabraňovať prepúšťaniu tekutiny</t>
  </si>
  <si>
    <t>1.1.4</t>
  </si>
  <si>
    <t>musí byť extrémne odolná proti roztrhnutiu</t>
  </si>
  <si>
    <t>1.1.5</t>
  </si>
  <si>
    <t>skladanie rúšky musí byť protismerné</t>
  </si>
  <si>
    <t>1.1.6</t>
  </si>
  <si>
    <t>z dôvodu zabezpečenia sterility pri manipulácii musí byť farebne odlíšená sterilná a nesterilná strana rúšky</t>
  </si>
  <si>
    <t>1.1.7</t>
  </si>
  <si>
    <t>požadovaný rozmer 160 cm x 200 cm (tolerancia ±10 cm x ±10 cm)</t>
  </si>
  <si>
    <t>1.2</t>
  </si>
  <si>
    <r>
      <t xml:space="preserve">Produkt č.2 - </t>
    </r>
    <r>
      <rPr>
        <b/>
        <sz val="10"/>
        <rFont val="Arial"/>
        <family val="2"/>
        <charset val="238"/>
      </rPr>
      <t>Uterák</t>
    </r>
  </si>
  <si>
    <t>1.2.1</t>
  </si>
  <si>
    <t>počet: 2 kusy</t>
  </si>
  <si>
    <t>1.2.2</t>
  </si>
  <si>
    <t>vysoko savý uterák z netkanej textílie spevnenej za sucha, ktorý sa po jeho namočení nerozpadáva</t>
  </si>
  <si>
    <t>1.2.3</t>
  </si>
  <si>
    <t>požadovaný rozmer 30 cm x 38 cm (tolerancia ±2 cm x ±2 cm)</t>
  </si>
  <si>
    <t>1.3</t>
  </si>
  <si>
    <r>
      <t xml:space="preserve">Produkt č.3 - </t>
    </r>
    <r>
      <rPr>
        <b/>
        <sz val="10"/>
        <rFont val="Arial"/>
        <family val="2"/>
        <charset val="238"/>
      </rPr>
      <t>Plášť typ č.1</t>
    </r>
  </si>
  <si>
    <t>1.3.1</t>
  </si>
  <si>
    <t>1.3.2</t>
  </si>
  <si>
    <t>hypoalergénny, bez latexu a kolofónia, určený pre použitie pre výkonový stupeň vysoký a pre vyššiu termofyzickú záťaž</t>
  </si>
  <si>
    <t>1.3.3</t>
  </si>
  <si>
    <t>požadovaná dĺžka plášťa 135 cm (tolerancia ±5 cm)</t>
  </si>
  <si>
    <t>1.3.4</t>
  </si>
  <si>
    <t>požadovaná šírka plášťa v ramenách 20 cm (tolerancia ±1 cm)</t>
  </si>
  <si>
    <t>1.3.5</t>
  </si>
  <si>
    <t>musí byť vyrobený z materiálu 40% polyester / 60% celulóza (tolerancia ±10% u oboch materiálov), musí byť hypoalergénny, bez latexu a kolofónia</t>
  </si>
  <si>
    <t>1.3.6</t>
  </si>
  <si>
    <t>požaduje sa pravoľavé zapínanie v oblasti krku s dĺžkou vrchného dielu (pravý diel) 6 cm a spodného dielu (ľavý diel) 13 cm, ktoré bude zabezpečovať bezpečné zapínanie, ktoré sa nesmie počas výkonu roztvárať</t>
  </si>
  <si>
    <t>1.3.7</t>
  </si>
  <si>
    <t>požaduje sa manžeta plášťa s dĺžkou 9 cm (tolerancia ±1 cm), vyrobená z nedráždivej jemnej polyesterovej tkaniny</t>
  </si>
  <si>
    <t>1.3.8</t>
  </si>
  <si>
    <t>požaduje sa konštantná pevnosť v ťahu za sucha a mokra ≤ 40 kPa</t>
  </si>
  <si>
    <t>1.3.9</t>
  </si>
  <si>
    <t>požaduje sa uvoľňovanie častíc materiálu plášťa ≤ 4,0 Log10 (sčítanie častíc)</t>
  </si>
  <si>
    <t>1.3.10</t>
  </si>
  <si>
    <t>zavinovacie úväzky musia byť v počte 2 ks, pripevnené bezpečnostnou záplatou proti prístupu mikroorganizmov</t>
  </si>
  <si>
    <t>1.3.11</t>
  </si>
  <si>
    <t>jednotlivé diely plášťa musia byť spojené dvojitým lemom šitia a vrstvenia, pre zabezpečenie absolútnej minimalizácie rizika prístupu mikróbov</t>
  </si>
  <si>
    <t>1.4</t>
  </si>
  <si>
    <r>
      <t xml:space="preserve">Produkt č.4 - </t>
    </r>
    <r>
      <rPr>
        <b/>
        <sz val="10"/>
        <rFont val="Arial"/>
        <family val="2"/>
        <charset val="238"/>
      </rPr>
      <t>Plášť typ č.2</t>
    </r>
  </si>
  <si>
    <t>1.4.1</t>
  </si>
  <si>
    <t>1.4.2</t>
  </si>
  <si>
    <t>1.4.3</t>
  </si>
  <si>
    <t>požadovaná dĺžka plášťa 155 cm (tolerancia ±5 cm)</t>
  </si>
  <si>
    <t>1.4.4</t>
  </si>
  <si>
    <t>1.4.5</t>
  </si>
  <si>
    <t>1.4.6</t>
  </si>
  <si>
    <t>požaduje sa pravoľavé zapínanie v oblasti krku s dĺžkou vrchného (pravý diel) 6 cm a spodného (ľavý diel) 13 cm, ktoré bude zabezpečovať bezpečné zapínanie, ktoré sa nesmie počas výkonu roztvárať</t>
  </si>
  <si>
    <t>1.4.7</t>
  </si>
  <si>
    <t>1.4.8</t>
  </si>
  <si>
    <t>1.4.9</t>
  </si>
  <si>
    <t>1.4.10</t>
  </si>
  <si>
    <t>1.4.11</t>
  </si>
  <si>
    <t>1.5</t>
  </si>
  <si>
    <r>
      <t xml:space="preserve">Produkt č.5 - </t>
    </r>
    <r>
      <rPr>
        <b/>
        <sz val="10"/>
        <rFont val="Arial"/>
        <family val="2"/>
        <charset val="238"/>
      </rPr>
      <t>Rukavice typ č.1</t>
    </r>
  </si>
  <si>
    <t>1.5.1</t>
  </si>
  <si>
    <t>počet: 1 pár</t>
  </si>
  <si>
    <t>1.5.2</t>
  </si>
  <si>
    <t>latexové, bezpúdrové, hypoalergénne, s vnútornou zosieťovanou syntetickou vrstvou, s možnosťou mikrozdrsnených končekov prstov</t>
  </si>
  <si>
    <t>1.5.3</t>
  </si>
  <si>
    <t>farba: biela</t>
  </si>
  <si>
    <t>1.5.4</t>
  </si>
  <si>
    <t>požadovaná veľkosť č. 6,5</t>
  </si>
  <si>
    <t>1.5.5</t>
  </si>
  <si>
    <t>požadovaná dĺžka 260 cm (bez tolerancie)</t>
  </si>
  <si>
    <t>1.5.6</t>
  </si>
  <si>
    <t>požaduje sa vnútorná zosieťovaná syntetická vrstva</t>
  </si>
  <si>
    <t>1.5.7</t>
  </si>
  <si>
    <t>požadovaná hrúbka steny min. 0,19 mm</t>
  </si>
  <si>
    <t>1.5.8</t>
  </si>
  <si>
    <t>požaduje sa hladkostenný materiál rukavíc</t>
  </si>
  <si>
    <t>1.5.9</t>
  </si>
  <si>
    <t>požaduje sa plne anatomický tvar rukavíc so zahnutými prstami zodpovedajúci prirodzenému uvoľnenému držaniu ruky</t>
  </si>
  <si>
    <t>1.5.10</t>
  </si>
  <si>
    <t>požadovaná úroveň kvality AQL 1,0</t>
  </si>
  <si>
    <t>1.6</t>
  </si>
  <si>
    <r>
      <t xml:space="preserve">Produkt č.6 - </t>
    </r>
    <r>
      <rPr>
        <b/>
        <sz val="10"/>
        <rFont val="Arial"/>
        <family val="2"/>
        <charset val="238"/>
      </rPr>
      <t>Rukavice typ č.2</t>
    </r>
  </si>
  <si>
    <t>1.6.1</t>
  </si>
  <si>
    <t>1.6.2</t>
  </si>
  <si>
    <t>1.6.3</t>
  </si>
  <si>
    <t>1.6.4</t>
  </si>
  <si>
    <t>požadovaná veľkosť č. 7,5</t>
  </si>
  <si>
    <t>1.6.5</t>
  </si>
  <si>
    <t>1.6.6</t>
  </si>
  <si>
    <t>1.6.7</t>
  </si>
  <si>
    <t>1.6.8</t>
  </si>
  <si>
    <t>1.6.9</t>
  </si>
  <si>
    <t>1.7</t>
  </si>
  <si>
    <r>
      <t xml:space="preserve">Produkt č.7 - </t>
    </r>
    <r>
      <rPr>
        <b/>
        <sz val="10"/>
        <rFont val="Arial"/>
        <family val="2"/>
        <charset val="238"/>
      </rPr>
      <t>Návlek na inštrumentačný stolík</t>
    </r>
  </si>
  <si>
    <t>1.7.1</t>
  </si>
  <si>
    <t>1.7.2</t>
  </si>
  <si>
    <t>teleskopický skladaný, s antistatickou úpravou</t>
  </si>
  <si>
    <t>1.7.3</t>
  </si>
  <si>
    <t>požadovaný rozmer návleku 80 cm x 145 cm (bez tolerancie)</t>
  </si>
  <si>
    <t>1.7.4</t>
  </si>
  <si>
    <t>požadovaný rozmer polypropylénovej textílie 75 cm x 90 cm (bez tolerancie), polypropylén musí byť pri námahe odolný voči oddeľovaniu sa od podkladovej polyethylénovej vrstvy</t>
  </si>
  <si>
    <t>1.7.5</t>
  </si>
  <si>
    <t>požaduje sa, aby materiál polyethylénu bol pevne spojený a pri námahe bol odolný voči oddeľovaniu sa od podkladovej polyethylénovej vrstvy</t>
  </si>
  <si>
    <t>1.8</t>
  </si>
  <si>
    <t>1.8.1</t>
  </si>
  <si>
    <t>1.8.2</t>
  </si>
  <si>
    <t>odsavač PVC - valcový s dierkami na konci odsavacej plochy</t>
  </si>
  <si>
    <t>1.8.3</t>
  </si>
  <si>
    <t>úchopová časť odsávača pevná rukoväť na konci rukoväte napojenie na hadicu - pevné</t>
  </si>
  <si>
    <t>1.9</t>
  </si>
  <si>
    <r>
      <t xml:space="preserve">Produkt č.9 - </t>
    </r>
    <r>
      <rPr>
        <b/>
        <sz val="10"/>
        <rFont val="Arial"/>
        <family val="2"/>
        <charset val="238"/>
      </rPr>
      <t>Ortopedický návlek na nohu</t>
    </r>
  </si>
  <si>
    <t>1.9.1</t>
  </si>
  <si>
    <t>1.9.2</t>
  </si>
  <si>
    <t>vyrobený z polyetylénovej fólie potiahnutej polypropylénovou vrstvou</t>
  </si>
  <si>
    <t>1.9.3</t>
  </si>
  <si>
    <t>požadovaný rozmer 33 cm x 55 cm (tolerancia ±2 cm x ±2 cm)</t>
  </si>
  <si>
    <t>1.10</t>
  </si>
  <si>
    <r>
      <t xml:space="preserve">Produkt č.10 - </t>
    </r>
    <r>
      <rPr>
        <b/>
        <sz val="10"/>
        <rFont val="Arial"/>
        <family val="2"/>
        <charset val="238"/>
      </rPr>
      <t>Lepiaci pásik</t>
    </r>
  </si>
  <si>
    <t>1.10.1</t>
  </si>
  <si>
    <t>1.10.2</t>
  </si>
  <si>
    <t>polyethylénový, zabalený v silikónovom obale a vložený do návleku na nohu</t>
  </si>
  <si>
    <t>1.10.3</t>
  </si>
  <si>
    <t>požadovaný rozmer 9 cm x 50 cm (tolerancia ±1 cm x ± 1 cm)</t>
  </si>
  <si>
    <t>1.11</t>
  </si>
  <si>
    <r>
      <t xml:space="preserve">Produkt č.11 - </t>
    </r>
    <r>
      <rPr>
        <b/>
        <sz val="10"/>
        <rFont val="Arial"/>
        <family val="2"/>
        <charset val="238"/>
      </rPr>
      <t>Operačná rúška s lepením typ č.1</t>
    </r>
  </si>
  <si>
    <t>1.11.1</t>
  </si>
  <si>
    <t>1.11.2</t>
  </si>
  <si>
    <t>vyrobená z dvojvrstvového materiálu z polypropylénu napolyethylénovej fólii, pričom materiál rúšky neodráža lúče svetelnej operačnej lampy</t>
  </si>
  <si>
    <t>1.11.3</t>
  </si>
  <si>
    <t>požaduje sa minimálna pevnosť v ťahu rúšky za sucha a mokra pozdĺžne 102 N a priečne 55 N (testované EN 29073-3, norma 13795)</t>
  </si>
  <si>
    <t>1.11.4</t>
  </si>
  <si>
    <t>požaduje sa rýchlosť sania min. 80% (v súlade s normou ISO 9073-11)</t>
  </si>
  <si>
    <t>1.11.5</t>
  </si>
  <si>
    <t>požaduje sa absorpčná schopnosť min. 250 ml/m2</t>
  </si>
  <si>
    <t>1.11.6</t>
  </si>
  <si>
    <t>rúška musí nasávať tekutiny po celej ploche</t>
  </si>
  <si>
    <t>1.11.7</t>
  </si>
  <si>
    <t>požaduje sa lepiaci okraj o šírke min. 4,5 cm max. 6 cm</t>
  </si>
  <si>
    <t>1.11.8</t>
  </si>
  <si>
    <t>pre zabezpečenie rýchlej manipulácie pri príprave výkonu sa požaduje úchopová časť adhezívnej pásky v šírke 2 cm x 5 cm (bez tolerancie) na ukončení</t>
  </si>
  <si>
    <t>1.11.9</t>
  </si>
  <si>
    <t>požaduje sa trojdielne lepenie v rozmedzí 15 cm, 70 cm, 15 cm (bez tolerancie)</t>
  </si>
  <si>
    <t>1.11.10</t>
  </si>
  <si>
    <t>požadovaný rozmer rúšky 160 cm x 250 cm (tolerancia ±10 cm x ±10 cm)</t>
  </si>
  <si>
    <t>1.11.11</t>
  </si>
  <si>
    <t>lepiaci materiál rúšky sa v prípade zlepenia musí dať opätovne rozlepiť bez roztrhnutia, resp. iného poškodenia materiálu rúšky</t>
  </si>
  <si>
    <t>1.11.12</t>
  </si>
  <si>
    <t>požaduje sa označenie rúšky konštantnými piktogramami pre redukciu úpravy operačného procesu: prvý krok, pozícia rúška</t>
  </si>
  <si>
    <t>1.12</t>
  </si>
  <si>
    <r>
      <t xml:space="preserve">Produkt č.12 - </t>
    </r>
    <r>
      <rPr>
        <b/>
        <sz val="10"/>
        <rFont val="Arial"/>
        <family val="2"/>
        <charset val="238"/>
      </rPr>
      <t>Operačná rúška s lepením typ č.2</t>
    </r>
  </si>
  <si>
    <t>1.12.1</t>
  </si>
  <si>
    <t>1.12.2</t>
  </si>
  <si>
    <t>vyrobená z dvojvrstvového materiálu z polypropylénu na polyethylénovej fólii, pričom materiál rúšky neodráža lúče svetelnej operačnej lampy</t>
  </si>
  <si>
    <t>1.12.3</t>
  </si>
  <si>
    <t>1.12.4</t>
  </si>
  <si>
    <t>1.12.5</t>
  </si>
  <si>
    <t>1.12.6</t>
  </si>
  <si>
    <t>1.12.7</t>
  </si>
  <si>
    <t>1.12.8</t>
  </si>
  <si>
    <t>1.12.9</t>
  </si>
  <si>
    <t>požadovaný rozmer rúšky 75 cm x 90 cm (tolerancia ±7,5 cm x ±9 cm)</t>
  </si>
  <si>
    <t>1.12.10</t>
  </si>
  <si>
    <t>1.13</t>
  </si>
  <si>
    <r>
      <t xml:space="preserve">Produkt č.13 - </t>
    </r>
    <r>
      <rPr>
        <b/>
        <sz val="10"/>
        <rFont val="Arial"/>
        <family val="2"/>
        <charset val="238"/>
      </rPr>
      <t>Operačná rúška v tvare U</t>
    </r>
  </si>
  <si>
    <t>1.13.1</t>
  </si>
  <si>
    <t>1.13.2</t>
  </si>
  <si>
    <t>vyrobená z trojvrstvového materiálu z polypropylénu na polyethylénovej fólii, pričom materiál rúšky neodráža lúče svetelnej operačnej lampy</t>
  </si>
  <si>
    <t>1.13.3</t>
  </si>
  <si>
    <t>s otvorom v tvare U - s trojdielnym lepením kopírujúcim otvor po celom obvode nástrihu so šírkou min. 4,5 cm max. 6 cm</t>
  </si>
  <si>
    <t>1.13.4</t>
  </si>
  <si>
    <t>požadovaný rozmer rúšky 260 cm x 225 cm (tolerancia ±10 cm x ±10 cm)</t>
  </si>
  <si>
    <t>1.13.5</t>
  </si>
  <si>
    <t>požadovaný rozmer U nástrihu 10 cm x 100 cm (bez tolerancie)</t>
  </si>
  <si>
    <t>1.13.6</t>
  </si>
  <si>
    <t>požaduje sa v oblasti U nástrihu zosilnená polypropylénová vrstva v rozmere 50 cm x 100 cm, pričom zosilnená oblasť musí byť vo výške 45 cm (tolerancia ±2 cm) od horného okraja</t>
  </si>
  <si>
    <t>1.13.7</t>
  </si>
  <si>
    <t>požaduje sa, aby zosilnená vrstva na PE fólii bola nanesená v množstve 30 + 50 g/m2 polypropylénového materiálu</t>
  </si>
  <si>
    <t>1.13.8</t>
  </si>
  <si>
    <t>požaduje sa absorpčná schopnosť rúšky v oblasti operačného poľa min. 405 ml/m2</t>
  </si>
  <si>
    <t>1.13.9</t>
  </si>
  <si>
    <t>požaduje sa minimálna pevnosť v ťahu rúšky za sucha a mokrapozdĺžne 180 N a priečne 80 N (aj pri nasatí PE podkladu tekutinou)</t>
  </si>
  <si>
    <t>1.13.10</t>
  </si>
  <si>
    <t>1.13.11</t>
  </si>
  <si>
    <t>rúška musí mať vysokú schopnosť kopírovať kónicku časť tela v oblasti operačného poľa</t>
  </si>
  <si>
    <t>1.13.12</t>
  </si>
  <si>
    <t>1.13.13</t>
  </si>
  <si>
    <t>požaduje sa označenie rúšky konštantnými piktogramami pre redukciu úpravy operačného procesu: prvý krok, pozícia rúška, nástrihu.</t>
  </si>
  <si>
    <t>1.14</t>
  </si>
  <si>
    <r>
      <t xml:space="preserve">Produkt č.14 - </t>
    </r>
    <r>
      <rPr>
        <b/>
        <sz val="10"/>
        <rFont val="Arial"/>
        <family val="2"/>
        <charset val="238"/>
      </rPr>
      <t>Hubka na čistenie koagulácie</t>
    </r>
  </si>
  <si>
    <t>1.14.1</t>
  </si>
  <si>
    <t>z jednej strany lepiaca fólia na upevnenie k rúškovaniu,</t>
  </si>
  <si>
    <t>1.14.2</t>
  </si>
  <si>
    <t>druhá strana čistič koagulácie</t>
  </si>
  <si>
    <t>1.14.3</t>
  </si>
  <si>
    <t>požadovaná veľkosť 14,5 cm x 14,5 cm (tolerancia ±1 cm)</t>
  </si>
  <si>
    <t>časti setu musia byť zabalené v sterilnom obale, ktorý musí mať peel otváranie a v poradí časť č. 2,3,5,7,...,14.</t>
  </si>
  <si>
    <t>smer ukladania od vrchu: časť č.2,3,5,7,..,14 (spodná časť). To z dôvodu zachovania sterility.</t>
  </si>
  <si>
    <t>predná strana sterilného obalu musí obsahovať: názov setu, zloženie setu, čiarový kód, exspiráciu, dve dokumentačné etikety,</t>
  </si>
  <si>
    <t>z dôvodu zabezpečenia neporušiteľnosti sterilného obalu počas jeho prepravy a manipulácie sa požaduje jeho balenie ešte v dvoch kartónových obaloch,</t>
  </si>
  <si>
    <t>požaduje sa, aby bol set bez zápachu, sterilizovaný ethylenoxidom,</t>
  </si>
  <si>
    <t>všetky súčasti setu musia spĺňať požiadavky High-performance štandardu EN 13796.</t>
  </si>
  <si>
    <t>Požaduje sa uzatvorenie rámcovej dohody, a to na dohodnuté zmluvné obdobie 12 kalendárnych mesiacov, resp. do doby naplnenia zmluvného finančného objemu podľa toho, ktorá z uvedených skutočností nastane skôr.</t>
  </si>
  <si>
    <t xml:space="preserve">1. </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 xml:space="preserve">Požaduje sa dodanie tovaru: </t>
  </si>
  <si>
    <t>3.1</t>
  </si>
  <si>
    <t xml:space="preserve">do 48 hodín od doručenia písomnej objednávky dodávateľovi, </t>
  </si>
  <si>
    <t xml:space="preserve">v pracovných dňoch (do termínu sa nezapočítavajú dni pracovného voľna, pracovného pokoja a štátne sviatky) </t>
  </si>
  <si>
    <t>3.2</t>
  </si>
  <si>
    <t>3.3</t>
  </si>
  <si>
    <t>3.4</t>
  </si>
  <si>
    <t>3.5</t>
  </si>
  <si>
    <t xml:space="preserve">v čase od 07:00 hod. do 14:00 hod., </t>
  </si>
  <si>
    <t xml:space="preserve">na dohodnuté miesto plnenia a zodpovednej osobe objednávateľa (podrobnosti o mieste plnenia a zodpovednej osobe objednávateľa budú dodávateľovi upresnené bezprostredne po účinnosti rámcovej dohody), </t>
  </si>
  <si>
    <t xml:space="preserve">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 </t>
  </si>
  <si>
    <t xml:space="preserve"> 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 (napr. doprava). </t>
  </si>
  <si>
    <t xml:space="preserve">Požaduje sa v zmysle § 340b ods. 5 zákona č. 513/1991 Z.z. Obchodného zákonníka v znení neskorších predpisov splatnosť faktúry v lehote 60 dní odo dňa jej doručenia objednávateľovi. </t>
  </si>
  <si>
    <t xml:space="preserve">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 </t>
  </si>
  <si>
    <t xml:space="preserve">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 </t>
  </si>
  <si>
    <t xml:space="preserve">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 </t>
  </si>
  <si>
    <t xml:space="preserve">Požaduje sa, aby dodávateľom poskytovaný predmet plnenia bol (v prípade ak je to relevantné), v súlade s: </t>
  </si>
  <si>
    <t>a) aktuálnym Cenovým opatrením MZ SR, ktorým sa ustanovuje rozsah regulácie cien v oblasti zdravotníctva</t>
  </si>
  <si>
    <t>b) zákonom č. 363/2011 Z.z. o rozsahu a podmienkach úhrady liekov, zdravotníckych pomôcok a dietetických potravín na základe verejného zdravotného poistenia a o zmene a doplnení niektorých zákonov,</t>
  </si>
  <si>
    <t>c) s aktuálne platným Zoznamom liekov s úradne určenou cenou, ďalej len "legislatívna zmena ceny",</t>
  </si>
  <si>
    <t xml:space="preserve">d) s aktuálne platným Zoznamom kategorizovaných špeciálnych zdravotníckych materiálov, </t>
  </si>
  <si>
    <t xml:space="preserve">e) aktuálne platným Zoznamom kategorizovaných špeciálnych zdravotníckych materiálov s maximálnou výškou úhrady Všeobecnej zdravotnej poisťovne a.s., DOVERA zdravotná poisťovňa, a.s. a Union zdravotná poisťovňa, a.s., </t>
  </si>
  <si>
    <t xml:space="preserve">f) aktuálne platným Zoznamom nekategorizovaných špeciálnych zdravotníckych materiálov s maximálnou výškou úhrady Všeobecnej zdravotnej poisťovne a.s., DOVERA zdravotná poisťovňa, a.s. a Union zdravotná poisťovňa, a.s., ďalej len "zoznamom zdravotnej poisťovne". </t>
  </si>
  <si>
    <t>V prípade, ak zmluvná cena bude vyššia ako je maximálna cena úhrady zdravotnej poisťovne uvedená v zozname zdravotnej poisťovne, je dodávateľ povinný, najneskôr však do 5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1</t>
  </si>
  <si>
    <t xml:space="preserve">objednávateľ vyzve úspešného dodávateľa na podanie vysvetlenia k uvedenému a ak po prehodnotení písomného zdôvodnenia uzná navýšenie konečnej jednotkovej ceny za MJ bez DPH príslušnej položky predmetu zákazky, zašle objednávateľovi dodávateľovi oznámenie, v ktorom potvrdí oprávnenie ním ponúknutej ceny; </t>
  </si>
  <si>
    <t>Požaduje sa, aby v prípade ak sa úspešným t.j. dodávateľom po uplynutí lehoty na predkladanie ponúk, resp. po elektronickej aukcii stane: 
- dodávateľ, ktorý je alebo bol dodávateľom predmetu zákazky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t>
  </si>
  <si>
    <t xml:space="preserve">objednávateľ vyzve úspešného dodávateľa na podanie vysvetlenia k uvedenému a ak po prehodnotení písomného zdôvodnenia neuzná navýšenie konečnej jednotkovej ceny za MJ bez DPH príslušnej položky predmetu zákazky, vyhradzuje si právo odstúpiť od tejto zmluvy. </t>
  </si>
  <si>
    <t>11.2</t>
  </si>
  <si>
    <t>V prípade, ak sa po uzatvorení tejto rámcovej dohody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ámcovej dohody je viac ako 5% v neprospech ceny podľa tejto rámcovej dohody, zaväzuje sa dodávateľ poskytnúť objednávateľovi pre takéto plnenie objednané po preukázaní tejto skutočnosti dodatočnú zľavu vo výške rozdielu medzi ním poskytovanou cenou podľa tejto rámcovej dohody a nižšou cenou.</t>
  </si>
  <si>
    <t>Dodávateľ je povinný bezodkladne, najneskôr však do 5 pracovných dní od preukázania skutočnosti uvedenej v predchádzajúcej vete, doručiť objednávateľovi dodatok, predmetom ktorého bude upravená cena zistená podľa bodu 10. tejto rámcovej dohody.</t>
  </si>
  <si>
    <t>V prípade, ak sa po uzatvorení tejto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1 mesiac. Výpovedná doba začína plynúť od prvého dňa kalendárneho mesiaca nasledujúceho po doručení výpovede a skončí sa uplynutím posledného dňa príslušného kalendárneho mesiaca.</t>
  </si>
  <si>
    <t xml:space="preserve">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 </t>
  </si>
  <si>
    <t xml:space="preserve">Požaduje sa možnosť uplatnenia si náhrady škody u dodávateľa vo výške vzniknutých finančných nákladov a/alebo možnosť vrátenia nespotrebovanej časti tovaru v prípade nedodržania požiadaviek uvedených v bodoch 10. - 15. tejto časti rámcovej dohody.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 </t>
  </si>
  <si>
    <t xml:space="preserve">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
  </si>
  <si>
    <t>Tá zmluvná strana, ktorá sa odvolá na okolnosti vylučujúce zodpovednosť, je povinná to oznámiť druhej zmluvnej strane najneskôr do 5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 xml:space="preserve">Dodávateľ sa zaväzuje dodržiavať etické zásady uvedené v Etickom kódexe dodávateľov vo verejnom obstarávaní  (ďalej len "Etický kódex") zverejnenom na webovom sídle objednávateľa. </t>
  </si>
  <si>
    <t>1.8.4</t>
  </si>
  <si>
    <r>
      <t xml:space="preserve">Produkt č.8 - </t>
    </r>
    <r>
      <rPr>
        <b/>
        <sz val="10"/>
        <rFont val="Arial"/>
        <family val="2"/>
        <charset val="238"/>
      </rPr>
      <t>OP-flex yankauer</t>
    </r>
  </si>
  <si>
    <t>hrúbka valcovitej časti: od 20CH do 25CH</t>
  </si>
  <si>
    <t>xxx</t>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3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thin">
        <color auto="1"/>
      </left>
      <right style="thin">
        <color auto="1"/>
      </right>
      <top/>
      <bottom/>
      <diagonal/>
    </border>
    <border>
      <left style="thin">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2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4" fillId="0" borderId="20"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8" xfId="0" applyNumberFormat="1" applyFont="1" applyBorder="1" applyAlignment="1">
      <alignment horizontal="left" vertical="center"/>
    </xf>
    <xf numFmtId="49" fontId="2" fillId="0" borderId="11" xfId="0" applyNumberFormat="1" applyFont="1" applyBorder="1" applyAlignment="1">
      <alignment horizontal="left" vertical="center"/>
    </xf>
    <xf numFmtId="49" fontId="2" fillId="0" borderId="8" xfId="0" applyNumberFormat="1" applyFont="1" applyFill="1" applyBorder="1" applyAlignment="1">
      <alignment horizontal="left" vertical="center" wrapText="1"/>
    </xf>
    <xf numFmtId="49" fontId="2" fillId="0" borderId="25" xfId="0" applyNumberFormat="1" applyFont="1" applyBorder="1" applyAlignment="1">
      <alignment horizontal="left" vertical="center"/>
    </xf>
    <xf numFmtId="49" fontId="2" fillId="0" borderId="25" xfId="0" applyNumberFormat="1" applyFont="1" applyBorder="1" applyAlignment="1">
      <alignment horizontal="center" vertical="center"/>
    </xf>
    <xf numFmtId="0" fontId="3" fillId="0" borderId="20" xfId="0" applyFont="1" applyFill="1" applyBorder="1" applyAlignment="1">
      <alignment horizontal="left" vertical="center" wrapText="1"/>
    </xf>
    <xf numFmtId="49" fontId="4" fillId="5" borderId="10" xfId="0" applyNumberFormat="1" applyFont="1" applyFill="1" applyBorder="1" applyAlignment="1">
      <alignment horizontal="left" vertical="center" wrapText="1"/>
    </xf>
    <xf numFmtId="0" fontId="2" fillId="0" borderId="26" xfId="0" applyFont="1" applyBorder="1" applyAlignment="1">
      <alignment vertical="center" wrapText="1"/>
    </xf>
    <xf numFmtId="49" fontId="4" fillId="0" borderId="27" xfId="0" applyNumberFormat="1" applyFont="1" applyFill="1" applyBorder="1" applyAlignment="1">
      <alignment horizontal="left" vertical="center" wrapText="1"/>
    </xf>
    <xf numFmtId="49" fontId="4" fillId="5" borderId="27" xfId="0" applyNumberFormat="1"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Fill="1" applyAlignment="1">
      <alignment horizontal="center" vertical="top"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13"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49" fontId="2" fillId="0" borderId="25" xfId="0" applyNumberFormat="1" applyFont="1" applyFill="1" applyBorder="1" applyAlignment="1">
      <alignment horizontal="left" vertical="center" wrapText="1"/>
    </xf>
    <xf numFmtId="49" fontId="2" fillId="0" borderId="28" xfId="0" applyNumberFormat="1" applyFont="1" applyFill="1" applyBorder="1" applyAlignment="1">
      <alignment horizontal="center" vertical="center" wrapText="1"/>
    </xf>
    <xf numFmtId="49" fontId="2" fillId="0" borderId="28" xfId="0" applyNumberFormat="1" applyFont="1" applyFill="1" applyBorder="1" applyAlignment="1">
      <alignment horizontal="left" vertical="center" wrapText="1"/>
    </xf>
    <xf numFmtId="49" fontId="2" fillId="0" borderId="29" xfId="0" applyNumberFormat="1" applyFont="1" applyFill="1" applyBorder="1" applyAlignment="1">
      <alignment horizontal="left" vertical="center" wrapText="1"/>
    </xf>
    <xf numFmtId="49" fontId="2" fillId="0" borderId="29"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5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I245"/>
  <sheetViews>
    <sheetView showGridLines="0" tabSelected="1" zoomScaleNormal="100" workbookViewId="0">
      <selection activeCell="B1" sqref="B1:F1"/>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97" t="s">
        <v>50</v>
      </c>
      <c r="C1" s="97"/>
      <c r="D1" s="97"/>
      <c r="E1" s="97"/>
      <c r="F1" s="97"/>
    </row>
    <row r="2" spans="2:6" ht="27.75" customHeight="1" x14ac:dyDescent="0.2">
      <c r="B2" s="96" t="s">
        <v>47</v>
      </c>
      <c r="C2" s="96"/>
      <c r="D2" s="96"/>
      <c r="E2" s="96"/>
      <c r="F2" s="96"/>
    </row>
    <row r="3" spans="2:6" ht="54.75" customHeight="1" x14ac:dyDescent="0.2">
      <c r="B3" s="108" t="s">
        <v>54</v>
      </c>
      <c r="C3" s="108"/>
      <c r="D3" s="108"/>
      <c r="E3" s="108"/>
      <c r="F3" s="108"/>
    </row>
    <row r="4" spans="2:6" ht="24.95" customHeight="1" x14ac:dyDescent="0.2">
      <c r="B4" s="41" t="s">
        <v>53</v>
      </c>
      <c r="C4" s="42"/>
      <c r="D4" s="38"/>
      <c r="E4" s="38"/>
      <c r="F4" s="38"/>
    </row>
    <row r="5" spans="2:6" ht="24.95" customHeight="1" x14ac:dyDescent="0.2">
      <c r="B5" s="41" t="s">
        <v>51</v>
      </c>
      <c r="C5" s="43"/>
      <c r="D5" s="38"/>
      <c r="E5" s="38"/>
      <c r="F5" s="38"/>
    </row>
    <row r="6" spans="2:6" ht="5.0999999999999996" customHeight="1" x14ac:dyDescent="0.2">
      <c r="B6" s="38"/>
      <c r="C6" s="38"/>
      <c r="D6" s="38"/>
      <c r="E6" s="38"/>
      <c r="F6" s="38"/>
    </row>
    <row r="7" spans="2:6" s="2" customFormat="1" ht="20.100000000000001" customHeight="1" x14ac:dyDescent="0.25">
      <c r="B7" s="82" t="s">
        <v>5</v>
      </c>
      <c r="C7" s="82"/>
      <c r="D7" s="82"/>
      <c r="E7" s="82"/>
      <c r="F7" s="82"/>
    </row>
    <row r="8" spans="2:6" s="2" customFormat="1" ht="20.100000000000001" customHeight="1" x14ac:dyDescent="0.25">
      <c r="B8" s="71" t="s">
        <v>9</v>
      </c>
      <c r="C8" s="71"/>
      <c r="D8" s="71"/>
      <c r="E8" s="71"/>
      <c r="F8" s="71"/>
    </row>
    <row r="9" spans="2:6" ht="24.95" customHeight="1" x14ac:dyDescent="0.2">
      <c r="B9" s="72" t="s">
        <v>83</v>
      </c>
      <c r="C9" s="72"/>
      <c r="D9" s="72"/>
      <c r="E9" s="72"/>
      <c r="F9" s="72"/>
    </row>
    <row r="10" spans="2:6" ht="4.5" customHeight="1" x14ac:dyDescent="0.2">
      <c r="B10" s="40"/>
      <c r="C10" s="40"/>
      <c r="D10" s="40"/>
      <c r="E10" s="40"/>
      <c r="F10" s="40"/>
    </row>
    <row r="11" spans="2:6" s="2" customFormat="1" ht="20.100000000000001" customHeight="1" x14ac:dyDescent="0.25">
      <c r="B11" s="73" t="s">
        <v>10</v>
      </c>
      <c r="C11" s="73"/>
      <c r="D11" s="73"/>
      <c r="E11" s="73"/>
      <c r="F11" s="73"/>
    </row>
    <row r="12" spans="2:6" s="2" customFormat="1" ht="20.100000000000001" customHeight="1" x14ac:dyDescent="0.25">
      <c r="B12" s="74" t="s">
        <v>84</v>
      </c>
      <c r="C12" s="74"/>
      <c r="D12" s="74"/>
      <c r="E12" s="45"/>
      <c r="F12" s="45"/>
    </row>
    <row r="13" spans="2:6" s="3" customFormat="1" ht="20.100000000000001" customHeight="1" x14ac:dyDescent="0.25">
      <c r="B13" s="74" t="s">
        <v>27</v>
      </c>
      <c r="C13" s="74"/>
      <c r="D13" s="74"/>
      <c r="E13" s="18"/>
      <c r="F13" s="19"/>
    </row>
    <row r="14" spans="2:6" ht="4.5" customHeight="1" x14ac:dyDescent="0.2">
      <c r="B14" s="46"/>
      <c r="C14" s="46"/>
      <c r="D14" s="46"/>
      <c r="E14" s="40"/>
      <c r="F14" s="40"/>
    </row>
    <row r="15" spans="2:6" ht="20.100000000000001" customHeight="1" x14ac:dyDescent="0.2">
      <c r="B15" s="39" t="s">
        <v>11</v>
      </c>
      <c r="C15" s="20"/>
      <c r="D15" s="20"/>
      <c r="E15" s="21"/>
      <c r="F15" s="21"/>
    </row>
    <row r="16" spans="2:6" s="3" customFormat="1" ht="24.95" customHeight="1" x14ac:dyDescent="0.25">
      <c r="B16" s="107" t="s">
        <v>69</v>
      </c>
      <c r="C16" s="107"/>
      <c r="D16" s="107"/>
      <c r="E16" s="18"/>
      <c r="F16" s="19"/>
    </row>
    <row r="17" spans="2:9" ht="5.0999999999999996" customHeight="1" x14ac:dyDescent="0.2">
      <c r="B17" s="88"/>
      <c r="C17" s="88"/>
      <c r="D17" s="88"/>
      <c r="F17" s="15"/>
    </row>
    <row r="18" spans="2:9" s="2" customFormat="1" ht="20.100000000000001" customHeight="1" x14ac:dyDescent="0.25">
      <c r="B18" s="82" t="s">
        <v>24</v>
      </c>
      <c r="C18" s="82"/>
      <c r="D18" s="82"/>
      <c r="E18" s="82"/>
      <c r="F18" s="82"/>
    </row>
    <row r="19" spans="2:9" ht="33.75" customHeight="1" x14ac:dyDescent="0.2">
      <c r="B19" s="87" t="s">
        <v>85</v>
      </c>
      <c r="C19" s="87"/>
      <c r="D19" s="87"/>
      <c r="E19" s="87"/>
      <c r="F19" s="87"/>
    </row>
    <row r="20" spans="2:9" ht="5.0999999999999996" customHeight="1" x14ac:dyDescent="0.2">
      <c r="B20" s="88"/>
      <c r="C20" s="88"/>
      <c r="D20" s="88"/>
      <c r="F20" s="15"/>
    </row>
    <row r="21" spans="2:9" s="2" customFormat="1" ht="20.100000000000001" customHeight="1" x14ac:dyDescent="0.25">
      <c r="B21" s="82" t="s">
        <v>25</v>
      </c>
      <c r="C21" s="82"/>
      <c r="D21" s="82"/>
      <c r="E21" s="82"/>
      <c r="F21" s="82"/>
    </row>
    <row r="22" spans="2:9" s="9" customFormat="1" ht="20.100000000000001" customHeight="1" x14ac:dyDescent="0.25">
      <c r="B22" s="113" t="s">
        <v>6</v>
      </c>
      <c r="C22" s="113"/>
      <c r="D22" s="113"/>
      <c r="E22" s="113"/>
      <c r="F22" s="113"/>
    </row>
    <row r="23" spans="2:9" s="9" customFormat="1" ht="20.100000000000001" customHeight="1" x14ac:dyDescent="0.25">
      <c r="B23" s="98" t="s">
        <v>18</v>
      </c>
      <c r="C23" s="99"/>
      <c r="D23" s="14"/>
      <c r="E23" s="14"/>
      <c r="F23" s="14"/>
    </row>
    <row r="24" spans="2:9" s="9" customFormat="1" ht="20.100000000000001" customHeight="1" x14ac:dyDescent="0.25">
      <c r="B24" s="13"/>
      <c r="C24" s="13" t="s">
        <v>22</v>
      </c>
      <c r="D24" s="14"/>
      <c r="E24" s="14"/>
      <c r="F24" s="14"/>
    </row>
    <row r="25" spans="2:9" s="9" customFormat="1" ht="20.100000000000001" customHeight="1" x14ac:dyDescent="0.25">
      <c r="B25" s="13"/>
      <c r="C25" s="13" t="s">
        <v>23</v>
      </c>
      <c r="D25" s="14"/>
      <c r="E25" s="14"/>
      <c r="F25" s="14"/>
    </row>
    <row r="26" spans="2:9" s="9" customFormat="1" ht="20.100000000000001" customHeight="1" x14ac:dyDescent="0.25">
      <c r="B26" s="98" t="s">
        <v>19</v>
      </c>
      <c r="C26" s="99"/>
      <c r="D26" s="14"/>
      <c r="E26" s="14"/>
      <c r="F26" s="14"/>
    </row>
    <row r="27" spans="2:9" s="9" customFormat="1" ht="31.5" customHeight="1" x14ac:dyDescent="0.25">
      <c r="B27" s="16" t="s">
        <v>20</v>
      </c>
      <c r="C27" s="114" t="s">
        <v>13</v>
      </c>
      <c r="D27" s="115"/>
      <c r="E27" s="17" t="s">
        <v>12</v>
      </c>
      <c r="F27" s="17" t="s">
        <v>14</v>
      </c>
    </row>
    <row r="28" spans="2:9" s="9" customFormat="1" ht="24.95" customHeight="1" x14ac:dyDescent="0.25">
      <c r="B28" s="47" t="s">
        <v>2</v>
      </c>
      <c r="C28" s="80" t="s">
        <v>83</v>
      </c>
      <c r="D28" s="81"/>
      <c r="E28" s="117" t="s">
        <v>1</v>
      </c>
      <c r="F28" s="118">
        <v>407</v>
      </c>
      <c r="I28" s="116"/>
    </row>
    <row r="29" spans="2:9" s="9" customFormat="1" ht="4.5" customHeight="1" x14ac:dyDescent="0.25">
      <c r="B29" s="14"/>
      <c r="C29" s="14"/>
      <c r="D29" s="14"/>
      <c r="E29" s="14"/>
      <c r="F29" s="14"/>
    </row>
    <row r="30" spans="2:9" s="9" customFormat="1" ht="20.100000000000001" customHeight="1" x14ac:dyDescent="0.25">
      <c r="B30" s="98" t="s">
        <v>21</v>
      </c>
      <c r="C30" s="99"/>
      <c r="D30" s="14"/>
      <c r="E30" s="14"/>
      <c r="F30" s="14"/>
    </row>
    <row r="31" spans="2:9" s="9" customFormat="1" ht="20.100000000000001" customHeight="1" x14ac:dyDescent="0.2">
      <c r="B31" s="10"/>
      <c r="C31" s="9" t="s">
        <v>3</v>
      </c>
      <c r="D31" s="14"/>
      <c r="E31" s="14"/>
      <c r="F31" s="14"/>
    </row>
    <row r="32" spans="2:9" s="9" customFormat="1" ht="20.100000000000001" customHeight="1" x14ac:dyDescent="0.25">
      <c r="B32" s="13"/>
      <c r="C32" s="2" t="s">
        <v>4</v>
      </c>
      <c r="D32" s="14"/>
      <c r="E32" s="14"/>
      <c r="F32" s="14"/>
    </row>
    <row r="33" spans="2:7" ht="5.0999999999999996" customHeight="1" x14ac:dyDescent="0.2"/>
    <row r="34" spans="2:7" s="2" customFormat="1" ht="20.100000000000001" customHeight="1" x14ac:dyDescent="0.25">
      <c r="B34" s="82" t="s">
        <v>26</v>
      </c>
      <c r="C34" s="82"/>
      <c r="D34" s="82"/>
      <c r="E34" s="82"/>
      <c r="F34" s="82"/>
    </row>
    <row r="35" spans="2:7" s="2" customFormat="1" ht="5.0999999999999996" customHeight="1" thickBot="1" x14ac:dyDescent="0.3">
      <c r="B35" s="15"/>
      <c r="D35" s="6"/>
      <c r="E35" s="6"/>
      <c r="F35" s="6"/>
    </row>
    <row r="36" spans="2:7" s="3" customFormat="1" ht="93" customHeight="1" x14ac:dyDescent="0.25">
      <c r="B36" s="83" t="s">
        <v>0</v>
      </c>
      <c r="C36" s="84"/>
      <c r="D36" s="102" t="s">
        <v>28</v>
      </c>
      <c r="E36" s="103"/>
      <c r="F36" s="104"/>
      <c r="G36" s="22"/>
    </row>
    <row r="37" spans="2:7" s="3" customFormat="1" ht="30" customHeight="1" thickBot="1" x14ac:dyDescent="0.3">
      <c r="B37" s="85"/>
      <c r="C37" s="86"/>
      <c r="D37" s="23" t="s">
        <v>29</v>
      </c>
      <c r="E37" s="111" t="s">
        <v>30</v>
      </c>
      <c r="F37" s="112"/>
    </row>
    <row r="38" spans="2:7" s="24" customFormat="1" ht="30.75" customHeight="1" x14ac:dyDescent="0.25">
      <c r="B38" s="75" t="s">
        <v>86</v>
      </c>
      <c r="C38" s="76"/>
      <c r="D38" s="76"/>
      <c r="E38" s="76"/>
      <c r="F38" s="77"/>
    </row>
    <row r="39" spans="2:7" s="4" customFormat="1" ht="27" customHeight="1" x14ac:dyDescent="0.25">
      <c r="B39" s="57" t="s">
        <v>16</v>
      </c>
      <c r="C39" s="44" t="s">
        <v>87</v>
      </c>
      <c r="D39" s="50"/>
      <c r="E39" s="69"/>
      <c r="F39" s="70"/>
    </row>
    <row r="40" spans="2:7" s="4" customFormat="1" ht="27" customHeight="1" x14ac:dyDescent="0.25">
      <c r="B40" s="57" t="s">
        <v>88</v>
      </c>
      <c r="C40" s="63" t="s">
        <v>89</v>
      </c>
      <c r="D40" s="50" t="s">
        <v>339</v>
      </c>
      <c r="E40" s="69"/>
      <c r="F40" s="70"/>
    </row>
    <row r="41" spans="2:7" s="4" customFormat="1" ht="27" customHeight="1" x14ac:dyDescent="0.25">
      <c r="B41" s="56" t="s">
        <v>90</v>
      </c>
      <c r="C41" s="44" t="s">
        <v>91</v>
      </c>
      <c r="D41" s="50"/>
      <c r="E41" s="78"/>
      <c r="F41" s="79"/>
    </row>
    <row r="42" spans="2:7" s="4" customFormat="1" ht="27" customHeight="1" x14ac:dyDescent="0.25">
      <c r="B42" s="56" t="s">
        <v>92</v>
      </c>
      <c r="C42" s="44" t="s">
        <v>93</v>
      </c>
      <c r="D42" s="50"/>
      <c r="E42" s="69"/>
      <c r="F42" s="70"/>
    </row>
    <row r="43" spans="2:7" s="4" customFormat="1" ht="27" customHeight="1" x14ac:dyDescent="0.25">
      <c r="B43" s="56" t="s">
        <v>94</v>
      </c>
      <c r="C43" s="44" t="s">
        <v>95</v>
      </c>
      <c r="D43" s="50"/>
      <c r="E43" s="69"/>
      <c r="F43" s="70"/>
    </row>
    <row r="44" spans="2:7" s="4" customFormat="1" ht="27" customHeight="1" x14ac:dyDescent="0.25">
      <c r="B44" s="56" t="s">
        <v>96</v>
      </c>
      <c r="C44" s="44" t="s">
        <v>97</v>
      </c>
      <c r="D44" s="50"/>
      <c r="E44" s="69"/>
      <c r="F44" s="70"/>
    </row>
    <row r="45" spans="2:7" s="4" customFormat="1" ht="27" customHeight="1" x14ac:dyDescent="0.25">
      <c r="B45" s="56" t="s">
        <v>98</v>
      </c>
      <c r="C45" s="44" t="s">
        <v>99</v>
      </c>
      <c r="D45" s="50"/>
      <c r="E45" s="69"/>
      <c r="F45" s="70"/>
    </row>
    <row r="46" spans="2:7" s="4" customFormat="1" ht="27" customHeight="1" x14ac:dyDescent="0.25">
      <c r="B46" s="56" t="s">
        <v>100</v>
      </c>
      <c r="C46" s="44" t="s">
        <v>101</v>
      </c>
      <c r="D46" s="50"/>
      <c r="E46" s="69"/>
      <c r="F46" s="70"/>
    </row>
    <row r="47" spans="2:7" s="4" customFormat="1" ht="27" customHeight="1" x14ac:dyDescent="0.25">
      <c r="B47" s="56" t="s">
        <v>102</v>
      </c>
      <c r="C47" s="44" t="s">
        <v>103</v>
      </c>
      <c r="D47" s="50"/>
      <c r="E47" s="69"/>
      <c r="F47" s="70"/>
    </row>
    <row r="48" spans="2:7" s="4" customFormat="1" ht="27" customHeight="1" x14ac:dyDescent="0.25">
      <c r="B48" s="57" t="s">
        <v>104</v>
      </c>
      <c r="C48" s="63" t="s">
        <v>105</v>
      </c>
      <c r="D48" s="50" t="s">
        <v>339</v>
      </c>
      <c r="E48" s="69"/>
      <c r="F48" s="70"/>
    </row>
    <row r="49" spans="2:6" s="4" customFormat="1" ht="27" customHeight="1" x14ac:dyDescent="0.25">
      <c r="B49" s="56" t="s">
        <v>106</v>
      </c>
      <c r="C49" s="44" t="s">
        <v>107</v>
      </c>
      <c r="D49" s="50"/>
      <c r="E49" s="69"/>
      <c r="F49" s="70"/>
    </row>
    <row r="50" spans="2:6" s="4" customFormat="1" ht="27" customHeight="1" x14ac:dyDescent="0.25">
      <c r="B50" s="56" t="s">
        <v>108</v>
      </c>
      <c r="C50" s="44" t="s">
        <v>109</v>
      </c>
      <c r="D50" s="50"/>
      <c r="E50" s="69"/>
      <c r="F50" s="70"/>
    </row>
    <row r="51" spans="2:6" s="4" customFormat="1" ht="27" customHeight="1" x14ac:dyDescent="0.25">
      <c r="B51" s="56" t="s">
        <v>110</v>
      </c>
      <c r="C51" s="44" t="s">
        <v>111</v>
      </c>
      <c r="D51" s="50"/>
      <c r="E51" s="69"/>
      <c r="F51" s="70"/>
    </row>
    <row r="52" spans="2:6" s="4" customFormat="1" ht="27" customHeight="1" x14ac:dyDescent="0.25">
      <c r="B52" s="57" t="s">
        <v>112</v>
      </c>
      <c r="C52" s="63" t="s">
        <v>113</v>
      </c>
      <c r="E52" s="69"/>
      <c r="F52" s="70"/>
    </row>
    <row r="53" spans="2:6" s="4" customFormat="1" ht="27" customHeight="1" x14ac:dyDescent="0.25">
      <c r="B53" s="56" t="s">
        <v>114</v>
      </c>
      <c r="C53" s="44" t="s">
        <v>91</v>
      </c>
      <c r="D53" s="50"/>
      <c r="E53" s="78"/>
      <c r="F53" s="79"/>
    </row>
    <row r="54" spans="2:6" s="4" customFormat="1" ht="27" customHeight="1" x14ac:dyDescent="0.25">
      <c r="B54" s="56" t="s">
        <v>115</v>
      </c>
      <c r="C54" s="64" t="s">
        <v>116</v>
      </c>
      <c r="D54" s="50"/>
      <c r="E54" s="69"/>
      <c r="F54" s="70"/>
    </row>
    <row r="55" spans="2:6" s="4" customFormat="1" ht="27" customHeight="1" x14ac:dyDescent="0.25">
      <c r="B55" s="56" t="s">
        <v>117</v>
      </c>
      <c r="C55" s="44" t="s">
        <v>118</v>
      </c>
      <c r="D55" s="50"/>
      <c r="E55" s="69"/>
      <c r="F55" s="70"/>
    </row>
    <row r="56" spans="2:6" s="4" customFormat="1" ht="27" customHeight="1" x14ac:dyDescent="0.25">
      <c r="B56" s="56" t="s">
        <v>119</v>
      </c>
      <c r="C56" s="44" t="s">
        <v>120</v>
      </c>
      <c r="D56" s="50"/>
      <c r="E56" s="69"/>
      <c r="F56" s="70"/>
    </row>
    <row r="57" spans="2:6" s="4" customFormat="1" ht="27" customHeight="1" x14ac:dyDescent="0.25">
      <c r="B57" s="56" t="s">
        <v>121</v>
      </c>
      <c r="C57" s="44" t="s">
        <v>122</v>
      </c>
      <c r="D57" s="50"/>
      <c r="E57" s="69"/>
      <c r="F57" s="70"/>
    </row>
    <row r="58" spans="2:6" s="4" customFormat="1" ht="45" customHeight="1" x14ac:dyDescent="0.25">
      <c r="B58" s="56" t="s">
        <v>123</v>
      </c>
      <c r="C58" s="44" t="s">
        <v>124</v>
      </c>
      <c r="D58" s="50"/>
      <c r="E58" s="69"/>
      <c r="F58" s="70"/>
    </row>
    <row r="59" spans="2:6" s="4" customFormat="1" ht="27" customHeight="1" x14ac:dyDescent="0.25">
      <c r="B59" s="56" t="s">
        <v>125</v>
      </c>
      <c r="C59" s="44" t="s">
        <v>126</v>
      </c>
      <c r="D59" s="50"/>
      <c r="E59" s="69"/>
      <c r="F59" s="70"/>
    </row>
    <row r="60" spans="2:6" s="4" customFormat="1" ht="27" customHeight="1" x14ac:dyDescent="0.25">
      <c r="B60" s="56" t="s">
        <v>127</v>
      </c>
      <c r="C60" s="44" t="s">
        <v>128</v>
      </c>
      <c r="D60" s="50"/>
      <c r="E60" s="69"/>
      <c r="F60" s="70"/>
    </row>
    <row r="61" spans="2:6" s="4" customFormat="1" ht="27" customHeight="1" x14ac:dyDescent="0.25">
      <c r="B61" s="56" t="s">
        <v>129</v>
      </c>
      <c r="C61" s="44" t="s">
        <v>130</v>
      </c>
      <c r="D61" s="50"/>
      <c r="E61" s="69"/>
      <c r="F61" s="70"/>
    </row>
    <row r="62" spans="2:6" s="4" customFormat="1" ht="27" customHeight="1" x14ac:dyDescent="0.25">
      <c r="B62" s="56" t="s">
        <v>131</v>
      </c>
      <c r="C62" s="44" t="s">
        <v>132</v>
      </c>
      <c r="D62" s="50"/>
      <c r="E62" s="69"/>
      <c r="F62" s="70"/>
    </row>
    <row r="63" spans="2:6" s="4" customFormat="1" ht="27" customHeight="1" x14ac:dyDescent="0.25">
      <c r="B63" s="56" t="s">
        <v>133</v>
      </c>
      <c r="C63" s="44" t="s">
        <v>134</v>
      </c>
      <c r="D63" s="50"/>
      <c r="E63" s="69"/>
      <c r="F63" s="70"/>
    </row>
    <row r="64" spans="2:6" s="4" customFormat="1" ht="27" customHeight="1" x14ac:dyDescent="0.25">
      <c r="B64" s="57" t="s">
        <v>135</v>
      </c>
      <c r="C64" s="63" t="s">
        <v>136</v>
      </c>
      <c r="D64" s="50" t="s">
        <v>339</v>
      </c>
      <c r="E64" s="69"/>
      <c r="F64" s="70"/>
    </row>
    <row r="65" spans="2:6" s="4" customFormat="1" ht="27" customHeight="1" x14ac:dyDescent="0.25">
      <c r="B65" s="56" t="s">
        <v>137</v>
      </c>
      <c r="C65" s="44" t="s">
        <v>91</v>
      </c>
      <c r="D65" s="50"/>
      <c r="E65" s="69"/>
      <c r="F65" s="70"/>
    </row>
    <row r="66" spans="2:6" s="4" customFormat="1" ht="27" customHeight="1" x14ac:dyDescent="0.25">
      <c r="B66" s="56" t="s">
        <v>138</v>
      </c>
      <c r="C66" s="44" t="s">
        <v>116</v>
      </c>
      <c r="D66" s="50"/>
      <c r="E66" s="69"/>
      <c r="F66" s="70"/>
    </row>
    <row r="67" spans="2:6" s="4" customFormat="1" ht="27" customHeight="1" x14ac:dyDescent="0.25">
      <c r="B67" s="56" t="s">
        <v>139</v>
      </c>
      <c r="C67" s="44" t="s">
        <v>140</v>
      </c>
      <c r="D67" s="50"/>
      <c r="E67" s="69"/>
      <c r="F67" s="70"/>
    </row>
    <row r="68" spans="2:6" s="4" customFormat="1" ht="27" customHeight="1" x14ac:dyDescent="0.25">
      <c r="B68" s="56" t="s">
        <v>141</v>
      </c>
      <c r="C68" s="44" t="s">
        <v>120</v>
      </c>
      <c r="D68" s="50"/>
      <c r="E68" s="69"/>
      <c r="F68" s="70"/>
    </row>
    <row r="69" spans="2:6" s="4" customFormat="1" ht="27" customHeight="1" x14ac:dyDescent="0.25">
      <c r="B69" s="56" t="s">
        <v>142</v>
      </c>
      <c r="C69" s="44" t="s">
        <v>122</v>
      </c>
      <c r="D69" s="50"/>
      <c r="E69" s="78"/>
      <c r="F69" s="79"/>
    </row>
    <row r="70" spans="2:6" s="4" customFormat="1" ht="41.25" customHeight="1" x14ac:dyDescent="0.25">
      <c r="B70" s="56" t="s">
        <v>143</v>
      </c>
      <c r="C70" s="65" t="s">
        <v>144</v>
      </c>
      <c r="D70" s="50"/>
      <c r="E70" s="69"/>
      <c r="F70" s="70"/>
    </row>
    <row r="71" spans="2:6" s="4" customFormat="1" ht="27" customHeight="1" x14ac:dyDescent="0.25">
      <c r="B71" s="56" t="s">
        <v>145</v>
      </c>
      <c r="C71" s="65" t="s">
        <v>126</v>
      </c>
      <c r="D71" s="50"/>
      <c r="E71" s="69"/>
      <c r="F71" s="70"/>
    </row>
    <row r="72" spans="2:6" s="4" customFormat="1" ht="27" customHeight="1" x14ac:dyDescent="0.25">
      <c r="B72" s="56" t="s">
        <v>146</v>
      </c>
      <c r="C72" s="65" t="s">
        <v>128</v>
      </c>
      <c r="D72" s="50"/>
      <c r="E72" s="69"/>
      <c r="F72" s="70"/>
    </row>
    <row r="73" spans="2:6" s="4" customFormat="1" ht="27" customHeight="1" x14ac:dyDescent="0.25">
      <c r="B73" s="56" t="s">
        <v>147</v>
      </c>
      <c r="C73" s="65" t="s">
        <v>130</v>
      </c>
      <c r="D73" s="50"/>
      <c r="E73" s="69"/>
      <c r="F73" s="70"/>
    </row>
    <row r="74" spans="2:6" s="4" customFormat="1" ht="27" customHeight="1" x14ac:dyDescent="0.25">
      <c r="B74" s="56" t="s">
        <v>148</v>
      </c>
      <c r="C74" s="65" t="s">
        <v>132</v>
      </c>
      <c r="D74" s="50"/>
      <c r="E74" s="69"/>
      <c r="F74" s="70"/>
    </row>
    <row r="75" spans="2:6" s="4" customFormat="1" ht="27" customHeight="1" x14ac:dyDescent="0.25">
      <c r="B75" s="56" t="s">
        <v>149</v>
      </c>
      <c r="C75" s="65" t="s">
        <v>134</v>
      </c>
      <c r="D75" s="50"/>
      <c r="E75" s="69"/>
      <c r="F75" s="70"/>
    </row>
    <row r="76" spans="2:6" s="4" customFormat="1" ht="27" customHeight="1" x14ac:dyDescent="0.25">
      <c r="B76" s="57" t="s">
        <v>150</v>
      </c>
      <c r="C76" s="63" t="s">
        <v>151</v>
      </c>
      <c r="D76" s="50" t="s">
        <v>339</v>
      </c>
      <c r="E76" s="69"/>
      <c r="F76" s="70"/>
    </row>
    <row r="77" spans="2:6" s="4" customFormat="1" ht="27" customHeight="1" x14ac:dyDescent="0.25">
      <c r="B77" s="61" t="s">
        <v>152</v>
      </c>
      <c r="C77" s="65" t="s">
        <v>153</v>
      </c>
      <c r="D77" s="50"/>
      <c r="E77" s="69"/>
      <c r="F77" s="70"/>
    </row>
    <row r="78" spans="2:6" s="4" customFormat="1" ht="27" customHeight="1" x14ac:dyDescent="0.25">
      <c r="B78" s="61" t="s">
        <v>154</v>
      </c>
      <c r="C78" s="65" t="s">
        <v>155</v>
      </c>
      <c r="D78" s="50"/>
      <c r="E78" s="69"/>
      <c r="F78" s="70"/>
    </row>
    <row r="79" spans="2:6" s="4" customFormat="1" ht="27" customHeight="1" x14ac:dyDescent="0.25">
      <c r="B79" s="61" t="s">
        <v>156</v>
      </c>
      <c r="C79" s="65" t="s">
        <v>157</v>
      </c>
      <c r="D79" s="50"/>
      <c r="E79" s="69"/>
      <c r="F79" s="70"/>
    </row>
    <row r="80" spans="2:6" s="4" customFormat="1" ht="27" customHeight="1" x14ac:dyDescent="0.25">
      <c r="B80" s="61" t="s">
        <v>158</v>
      </c>
      <c r="C80" s="65" t="s">
        <v>159</v>
      </c>
      <c r="D80" s="50"/>
      <c r="E80" s="69"/>
      <c r="F80" s="70"/>
    </row>
    <row r="81" spans="2:6" s="4" customFormat="1" ht="27" customHeight="1" x14ac:dyDescent="0.25">
      <c r="B81" s="61" t="s">
        <v>160</v>
      </c>
      <c r="C81" s="65" t="s">
        <v>161</v>
      </c>
      <c r="D81" s="50"/>
      <c r="E81" s="69"/>
      <c r="F81" s="70"/>
    </row>
    <row r="82" spans="2:6" s="4" customFormat="1" ht="27" customHeight="1" x14ac:dyDescent="0.25">
      <c r="B82" s="61" t="s">
        <v>162</v>
      </c>
      <c r="C82" s="65" t="s">
        <v>163</v>
      </c>
      <c r="D82" s="50"/>
      <c r="E82" s="69"/>
      <c r="F82" s="70"/>
    </row>
    <row r="83" spans="2:6" s="4" customFormat="1" ht="27" customHeight="1" x14ac:dyDescent="0.25">
      <c r="B83" s="61" t="s">
        <v>164</v>
      </c>
      <c r="C83" s="65" t="s">
        <v>165</v>
      </c>
      <c r="D83" s="50"/>
      <c r="E83" s="69"/>
      <c r="F83" s="70"/>
    </row>
    <row r="84" spans="2:6" s="4" customFormat="1" ht="27" customHeight="1" x14ac:dyDescent="0.25">
      <c r="B84" s="61" t="s">
        <v>166</v>
      </c>
      <c r="C84" s="65" t="s">
        <v>167</v>
      </c>
      <c r="D84" s="50"/>
      <c r="E84" s="69"/>
      <c r="F84" s="70"/>
    </row>
    <row r="85" spans="2:6" s="4" customFormat="1" ht="27" customHeight="1" x14ac:dyDescent="0.25">
      <c r="B85" s="56" t="s">
        <v>168</v>
      </c>
      <c r="C85" s="44" t="s">
        <v>169</v>
      </c>
      <c r="D85" s="50"/>
      <c r="E85" s="69"/>
      <c r="F85" s="70"/>
    </row>
    <row r="86" spans="2:6" s="4" customFormat="1" ht="27" customHeight="1" x14ac:dyDescent="0.25">
      <c r="B86" s="56" t="s">
        <v>170</v>
      </c>
      <c r="C86" s="44" t="s">
        <v>171</v>
      </c>
      <c r="D86" s="50"/>
      <c r="E86" s="69"/>
      <c r="F86" s="70"/>
    </row>
    <row r="87" spans="2:6" s="4" customFormat="1" ht="27" customHeight="1" x14ac:dyDescent="0.25">
      <c r="B87" s="57" t="s">
        <v>172</v>
      </c>
      <c r="C87" s="63" t="s">
        <v>173</v>
      </c>
      <c r="D87" s="50" t="s">
        <v>339</v>
      </c>
      <c r="E87" s="78"/>
      <c r="F87" s="79"/>
    </row>
    <row r="88" spans="2:6" s="4" customFormat="1" ht="27" customHeight="1" x14ac:dyDescent="0.25">
      <c r="B88" s="61" t="s">
        <v>174</v>
      </c>
      <c r="C88" s="65" t="s">
        <v>153</v>
      </c>
      <c r="D88" s="50"/>
      <c r="E88" s="69"/>
      <c r="F88" s="70"/>
    </row>
    <row r="89" spans="2:6" s="4" customFormat="1" ht="27" customHeight="1" x14ac:dyDescent="0.25">
      <c r="B89" s="61" t="s">
        <v>175</v>
      </c>
      <c r="C89" s="65" t="s">
        <v>155</v>
      </c>
      <c r="D89" s="50"/>
      <c r="E89" s="69"/>
      <c r="F89" s="70"/>
    </row>
    <row r="90" spans="2:6" s="4" customFormat="1" ht="27" customHeight="1" x14ac:dyDescent="0.25">
      <c r="B90" s="61" t="s">
        <v>176</v>
      </c>
      <c r="C90" s="65" t="s">
        <v>157</v>
      </c>
      <c r="D90" s="50"/>
      <c r="E90" s="69"/>
      <c r="F90" s="70"/>
    </row>
    <row r="91" spans="2:6" s="4" customFormat="1" ht="27" customHeight="1" x14ac:dyDescent="0.25">
      <c r="B91" s="61" t="s">
        <v>177</v>
      </c>
      <c r="C91" s="65" t="s">
        <v>178</v>
      </c>
      <c r="D91" s="50"/>
      <c r="E91" s="69"/>
      <c r="F91" s="70"/>
    </row>
    <row r="92" spans="2:6" s="4" customFormat="1" ht="27" customHeight="1" x14ac:dyDescent="0.25">
      <c r="B92" s="61" t="s">
        <v>179</v>
      </c>
      <c r="C92" s="65" t="s">
        <v>161</v>
      </c>
      <c r="D92" s="50"/>
      <c r="E92" s="69"/>
      <c r="F92" s="70"/>
    </row>
    <row r="93" spans="2:6" s="4" customFormat="1" ht="27" customHeight="1" x14ac:dyDescent="0.25">
      <c r="B93" s="61" t="s">
        <v>180</v>
      </c>
      <c r="C93" s="65" t="s">
        <v>165</v>
      </c>
      <c r="D93" s="50"/>
      <c r="E93" s="69"/>
      <c r="F93" s="70"/>
    </row>
    <row r="94" spans="2:6" s="4" customFormat="1" ht="27" customHeight="1" x14ac:dyDescent="0.25">
      <c r="B94" s="61" t="s">
        <v>181</v>
      </c>
      <c r="C94" s="65" t="s">
        <v>167</v>
      </c>
      <c r="D94" s="50"/>
      <c r="E94" s="69"/>
      <c r="F94" s="70"/>
    </row>
    <row r="95" spans="2:6" s="4" customFormat="1" ht="27" customHeight="1" x14ac:dyDescent="0.25">
      <c r="B95" s="61" t="s">
        <v>182</v>
      </c>
      <c r="C95" s="65" t="s">
        <v>169</v>
      </c>
      <c r="D95" s="50"/>
      <c r="E95" s="69"/>
      <c r="F95" s="70"/>
    </row>
    <row r="96" spans="2:6" s="4" customFormat="1" ht="27" customHeight="1" x14ac:dyDescent="0.25">
      <c r="B96" s="56" t="s">
        <v>183</v>
      </c>
      <c r="C96" s="44" t="s">
        <v>171</v>
      </c>
      <c r="D96" s="50"/>
      <c r="E96" s="69"/>
      <c r="F96" s="70"/>
    </row>
    <row r="97" spans="2:6" s="4" customFormat="1" ht="27" customHeight="1" x14ac:dyDescent="0.25">
      <c r="B97" s="57" t="s">
        <v>184</v>
      </c>
      <c r="C97" s="63" t="s">
        <v>185</v>
      </c>
      <c r="D97" s="50" t="s">
        <v>339</v>
      </c>
      <c r="E97" s="69"/>
      <c r="F97" s="70"/>
    </row>
    <row r="98" spans="2:6" s="4" customFormat="1" ht="27" customHeight="1" x14ac:dyDescent="0.25">
      <c r="B98" s="61" t="s">
        <v>186</v>
      </c>
      <c r="C98" s="65" t="s">
        <v>91</v>
      </c>
      <c r="D98" s="50"/>
      <c r="E98" s="69"/>
      <c r="F98" s="70"/>
    </row>
    <row r="99" spans="2:6" s="4" customFormat="1" ht="27" customHeight="1" x14ac:dyDescent="0.25">
      <c r="B99" s="61" t="s">
        <v>187</v>
      </c>
      <c r="C99" s="65" t="s">
        <v>188</v>
      </c>
      <c r="D99" s="50"/>
      <c r="E99" s="69"/>
      <c r="F99" s="70"/>
    </row>
    <row r="100" spans="2:6" s="4" customFormat="1" ht="27" customHeight="1" x14ac:dyDescent="0.25">
      <c r="B100" s="61" t="s">
        <v>189</v>
      </c>
      <c r="C100" s="65" t="s">
        <v>190</v>
      </c>
      <c r="D100" s="50"/>
      <c r="E100" s="69"/>
      <c r="F100" s="70"/>
    </row>
    <row r="101" spans="2:6" s="4" customFormat="1" ht="47.25" customHeight="1" x14ac:dyDescent="0.25">
      <c r="B101" s="61" t="s">
        <v>191</v>
      </c>
      <c r="C101" s="65" t="s">
        <v>192</v>
      </c>
      <c r="D101" s="50"/>
      <c r="E101" s="69"/>
      <c r="F101" s="70"/>
    </row>
    <row r="102" spans="2:6" s="4" customFormat="1" ht="27" customHeight="1" x14ac:dyDescent="0.25">
      <c r="B102" s="61" t="s">
        <v>193</v>
      </c>
      <c r="C102" s="65" t="s">
        <v>194</v>
      </c>
      <c r="D102" s="50"/>
      <c r="E102" s="69"/>
      <c r="F102" s="70"/>
    </row>
    <row r="103" spans="2:6" s="4" customFormat="1" ht="27" customHeight="1" x14ac:dyDescent="0.25">
      <c r="B103" s="60" t="s">
        <v>195</v>
      </c>
      <c r="C103" s="66" t="s">
        <v>337</v>
      </c>
      <c r="D103" s="50" t="s">
        <v>339</v>
      </c>
      <c r="E103" s="69"/>
      <c r="F103" s="70"/>
    </row>
    <row r="104" spans="2:6" s="4" customFormat="1" ht="27" customHeight="1" x14ac:dyDescent="0.25">
      <c r="B104" s="61" t="s">
        <v>196</v>
      </c>
      <c r="C104" s="65" t="s">
        <v>91</v>
      </c>
      <c r="D104" s="50"/>
      <c r="E104" s="69"/>
      <c r="F104" s="70"/>
    </row>
    <row r="105" spans="2:6" s="4" customFormat="1" ht="27" customHeight="1" x14ac:dyDescent="0.25">
      <c r="B105" s="61" t="s">
        <v>197</v>
      </c>
      <c r="C105" s="65" t="s">
        <v>198</v>
      </c>
      <c r="D105" s="50"/>
      <c r="E105" s="69"/>
      <c r="F105" s="70"/>
    </row>
    <row r="106" spans="2:6" s="4" customFormat="1" ht="27" customHeight="1" x14ac:dyDescent="0.25">
      <c r="B106" s="61" t="s">
        <v>199</v>
      </c>
      <c r="C106" s="65" t="s">
        <v>200</v>
      </c>
      <c r="D106" s="50"/>
      <c r="E106" s="69"/>
      <c r="F106" s="70"/>
    </row>
    <row r="107" spans="2:6" s="4" customFormat="1" ht="27" customHeight="1" x14ac:dyDescent="0.25">
      <c r="B107" s="61" t="s">
        <v>336</v>
      </c>
      <c r="C107" s="65" t="s">
        <v>338</v>
      </c>
      <c r="D107" s="50"/>
      <c r="E107" s="69"/>
      <c r="F107" s="70"/>
    </row>
    <row r="108" spans="2:6" s="4" customFormat="1" ht="27" customHeight="1" x14ac:dyDescent="0.25">
      <c r="B108" s="60" t="s">
        <v>201</v>
      </c>
      <c r="C108" s="66" t="s">
        <v>202</v>
      </c>
      <c r="D108" s="50" t="s">
        <v>339</v>
      </c>
      <c r="E108" s="69"/>
      <c r="F108" s="70"/>
    </row>
    <row r="109" spans="2:6" s="4" customFormat="1" ht="27" customHeight="1" x14ac:dyDescent="0.25">
      <c r="B109" s="61" t="s">
        <v>203</v>
      </c>
      <c r="C109" s="65" t="s">
        <v>91</v>
      </c>
      <c r="D109" s="50"/>
      <c r="E109" s="69"/>
      <c r="F109" s="70"/>
    </row>
    <row r="110" spans="2:6" s="4" customFormat="1" ht="27" customHeight="1" x14ac:dyDescent="0.25">
      <c r="B110" s="61" t="s">
        <v>204</v>
      </c>
      <c r="C110" s="65" t="s">
        <v>205</v>
      </c>
      <c r="D110" s="50"/>
      <c r="E110" s="69"/>
      <c r="F110" s="70"/>
    </row>
    <row r="111" spans="2:6" s="4" customFormat="1" ht="27" customHeight="1" x14ac:dyDescent="0.25">
      <c r="B111" s="61" t="s">
        <v>206</v>
      </c>
      <c r="C111" s="65" t="s">
        <v>207</v>
      </c>
      <c r="D111" s="50"/>
      <c r="E111" s="69"/>
      <c r="F111" s="70"/>
    </row>
    <row r="112" spans="2:6" s="4" customFormat="1" ht="27" customHeight="1" x14ac:dyDescent="0.25">
      <c r="B112" s="60" t="s">
        <v>208</v>
      </c>
      <c r="C112" s="66" t="s">
        <v>209</v>
      </c>
      <c r="D112" s="50" t="s">
        <v>339</v>
      </c>
      <c r="E112" s="69"/>
      <c r="F112" s="70"/>
    </row>
    <row r="113" spans="2:6" s="4" customFormat="1" ht="27" customHeight="1" x14ac:dyDescent="0.25">
      <c r="B113" s="61" t="s">
        <v>210</v>
      </c>
      <c r="C113" s="65" t="s">
        <v>91</v>
      </c>
      <c r="D113" s="50"/>
      <c r="E113" s="69"/>
      <c r="F113" s="70"/>
    </row>
    <row r="114" spans="2:6" s="4" customFormat="1" ht="27" customHeight="1" x14ac:dyDescent="0.25">
      <c r="B114" s="61" t="s">
        <v>211</v>
      </c>
      <c r="C114" s="65" t="s">
        <v>212</v>
      </c>
      <c r="D114" s="50"/>
      <c r="E114" s="69"/>
      <c r="F114" s="70"/>
    </row>
    <row r="115" spans="2:6" s="4" customFormat="1" ht="27" customHeight="1" x14ac:dyDescent="0.25">
      <c r="B115" s="61" t="s">
        <v>213</v>
      </c>
      <c r="C115" s="65" t="s">
        <v>214</v>
      </c>
      <c r="D115" s="50"/>
      <c r="E115" s="69"/>
      <c r="F115" s="70"/>
    </row>
    <row r="116" spans="2:6" s="4" customFormat="1" ht="27" customHeight="1" x14ac:dyDescent="0.25">
      <c r="B116" s="60" t="s">
        <v>215</v>
      </c>
      <c r="C116" s="66" t="s">
        <v>216</v>
      </c>
      <c r="D116" s="50" t="s">
        <v>339</v>
      </c>
      <c r="E116" s="69"/>
      <c r="F116" s="70"/>
    </row>
    <row r="117" spans="2:6" s="4" customFormat="1" ht="27" customHeight="1" x14ac:dyDescent="0.25">
      <c r="B117" s="61" t="s">
        <v>217</v>
      </c>
      <c r="C117" s="65" t="s">
        <v>91</v>
      </c>
      <c r="D117" s="50"/>
      <c r="E117" s="69"/>
      <c r="F117" s="70"/>
    </row>
    <row r="118" spans="2:6" s="4" customFormat="1" ht="27" customHeight="1" x14ac:dyDescent="0.25">
      <c r="B118" s="61" t="s">
        <v>218</v>
      </c>
      <c r="C118" s="65" t="s">
        <v>219</v>
      </c>
      <c r="D118" s="50"/>
      <c r="E118" s="69"/>
      <c r="F118" s="70"/>
    </row>
    <row r="119" spans="2:6" s="4" customFormat="1" ht="27" customHeight="1" x14ac:dyDescent="0.25">
      <c r="B119" s="61" t="s">
        <v>220</v>
      </c>
      <c r="C119" s="65" t="s">
        <v>221</v>
      </c>
      <c r="D119" s="50"/>
      <c r="E119" s="69"/>
      <c r="F119" s="70"/>
    </row>
    <row r="120" spans="2:6" s="4" customFormat="1" ht="27" customHeight="1" x14ac:dyDescent="0.25">
      <c r="B120" s="56" t="s">
        <v>222</v>
      </c>
      <c r="C120" s="44" t="s">
        <v>223</v>
      </c>
      <c r="D120" s="50"/>
      <c r="E120" s="69"/>
      <c r="F120" s="70"/>
    </row>
    <row r="121" spans="2:6" s="4" customFormat="1" ht="27" customHeight="1" x14ac:dyDescent="0.25">
      <c r="B121" s="56" t="s">
        <v>224</v>
      </c>
      <c r="C121" s="44" t="s">
        <v>225</v>
      </c>
      <c r="D121" s="50"/>
      <c r="E121" s="69"/>
      <c r="F121" s="70"/>
    </row>
    <row r="122" spans="2:6" s="4" customFormat="1" ht="27" customHeight="1" x14ac:dyDescent="0.25">
      <c r="B122" s="61" t="s">
        <v>226</v>
      </c>
      <c r="C122" s="65" t="s">
        <v>227</v>
      </c>
      <c r="D122" s="50"/>
      <c r="E122" s="69"/>
      <c r="F122" s="70"/>
    </row>
    <row r="123" spans="2:6" s="4" customFormat="1" ht="27" customHeight="1" x14ac:dyDescent="0.25">
      <c r="B123" s="61" t="s">
        <v>228</v>
      </c>
      <c r="C123" s="65" t="s">
        <v>229</v>
      </c>
      <c r="D123" s="50"/>
      <c r="E123" s="69"/>
      <c r="F123" s="70"/>
    </row>
    <row r="124" spans="2:6" s="4" customFormat="1" ht="27" customHeight="1" x14ac:dyDescent="0.25">
      <c r="B124" s="56" t="s">
        <v>230</v>
      </c>
      <c r="C124" s="44" t="s">
        <v>231</v>
      </c>
      <c r="D124" s="50"/>
      <c r="E124" s="69"/>
      <c r="F124" s="70"/>
    </row>
    <row r="125" spans="2:6" s="4" customFormat="1" ht="27" customHeight="1" x14ac:dyDescent="0.25">
      <c r="B125" s="56" t="s">
        <v>232</v>
      </c>
      <c r="C125" s="44" t="s">
        <v>233</v>
      </c>
      <c r="D125" s="50"/>
      <c r="E125" s="69"/>
      <c r="F125" s="70"/>
    </row>
    <row r="126" spans="2:6" s="4" customFormat="1" ht="27" customHeight="1" x14ac:dyDescent="0.25">
      <c r="B126" s="61" t="s">
        <v>234</v>
      </c>
      <c r="C126" s="65" t="s">
        <v>235</v>
      </c>
      <c r="D126" s="50"/>
      <c r="E126" s="69"/>
      <c r="F126" s="70"/>
    </row>
    <row r="127" spans="2:6" s="4" customFormat="1" ht="27" customHeight="1" x14ac:dyDescent="0.25">
      <c r="B127" s="61" t="s">
        <v>236</v>
      </c>
      <c r="C127" s="65" t="s">
        <v>237</v>
      </c>
      <c r="D127" s="50"/>
      <c r="E127" s="69"/>
      <c r="F127" s="70"/>
    </row>
    <row r="128" spans="2:6" s="4" customFormat="1" ht="27" customHeight="1" x14ac:dyDescent="0.25">
      <c r="B128" s="61" t="s">
        <v>238</v>
      </c>
      <c r="C128" s="65" t="s">
        <v>239</v>
      </c>
      <c r="D128" s="50"/>
      <c r="E128" s="69"/>
      <c r="F128" s="70"/>
    </row>
    <row r="129" spans="2:6" s="4" customFormat="1" ht="27" customHeight="1" x14ac:dyDescent="0.25">
      <c r="B129" s="60" t="s">
        <v>240</v>
      </c>
      <c r="C129" s="66" t="s">
        <v>241</v>
      </c>
      <c r="D129" s="50" t="s">
        <v>339</v>
      </c>
      <c r="E129" s="69"/>
      <c r="F129" s="70"/>
    </row>
    <row r="130" spans="2:6" s="4" customFormat="1" ht="27" customHeight="1" x14ac:dyDescent="0.25">
      <c r="B130" s="61" t="s">
        <v>242</v>
      </c>
      <c r="C130" s="65" t="s">
        <v>91</v>
      </c>
      <c r="D130" s="50"/>
      <c r="E130" s="69"/>
      <c r="F130" s="70"/>
    </row>
    <row r="131" spans="2:6" s="4" customFormat="1" ht="27" customHeight="1" x14ac:dyDescent="0.25">
      <c r="B131" s="61" t="s">
        <v>243</v>
      </c>
      <c r="C131" s="65" t="s">
        <v>244</v>
      </c>
      <c r="D131" s="50"/>
      <c r="E131" s="69"/>
      <c r="F131" s="70"/>
    </row>
    <row r="132" spans="2:6" s="4" customFormat="1" ht="27" customHeight="1" x14ac:dyDescent="0.25">
      <c r="B132" s="61" t="s">
        <v>245</v>
      </c>
      <c r="C132" s="65" t="s">
        <v>221</v>
      </c>
      <c r="D132" s="50"/>
      <c r="E132" s="69"/>
      <c r="F132" s="70"/>
    </row>
    <row r="133" spans="2:6" s="4" customFormat="1" ht="27" customHeight="1" x14ac:dyDescent="0.25">
      <c r="B133" s="61" t="s">
        <v>246</v>
      </c>
      <c r="C133" s="65" t="s">
        <v>223</v>
      </c>
      <c r="D133" s="50"/>
      <c r="E133" s="69"/>
      <c r="F133" s="70"/>
    </row>
    <row r="134" spans="2:6" s="4" customFormat="1" ht="27" customHeight="1" x14ac:dyDescent="0.25">
      <c r="B134" s="61" t="s">
        <v>247</v>
      </c>
      <c r="C134" s="65" t="s">
        <v>225</v>
      </c>
      <c r="D134" s="50"/>
      <c r="E134" s="69"/>
      <c r="F134" s="70"/>
    </row>
    <row r="135" spans="2:6" s="4" customFormat="1" ht="27" customHeight="1" x14ac:dyDescent="0.25">
      <c r="B135" s="61" t="s">
        <v>248</v>
      </c>
      <c r="C135" s="65" t="s">
        <v>227</v>
      </c>
      <c r="D135" s="50"/>
      <c r="E135" s="69"/>
      <c r="F135" s="70"/>
    </row>
    <row r="136" spans="2:6" s="4" customFormat="1" ht="27" customHeight="1" x14ac:dyDescent="0.25">
      <c r="B136" s="61" t="s">
        <v>249</v>
      </c>
      <c r="C136" s="65" t="s">
        <v>229</v>
      </c>
      <c r="D136" s="50"/>
      <c r="E136" s="69"/>
      <c r="F136" s="70"/>
    </row>
    <row r="137" spans="2:6" s="4" customFormat="1" ht="27" customHeight="1" x14ac:dyDescent="0.25">
      <c r="B137" s="61" t="s">
        <v>250</v>
      </c>
      <c r="C137" s="65" t="s">
        <v>231</v>
      </c>
      <c r="D137" s="50"/>
      <c r="E137" s="69"/>
      <c r="F137" s="70"/>
    </row>
    <row r="138" spans="2:6" s="4" customFormat="1" ht="27" customHeight="1" x14ac:dyDescent="0.25">
      <c r="B138" s="61" t="s">
        <v>251</v>
      </c>
      <c r="C138" s="65" t="s">
        <v>252</v>
      </c>
      <c r="D138" s="50"/>
      <c r="E138" s="69"/>
      <c r="F138" s="70"/>
    </row>
    <row r="139" spans="2:6" s="4" customFormat="1" ht="27" customHeight="1" x14ac:dyDescent="0.25">
      <c r="B139" s="61" t="s">
        <v>253</v>
      </c>
      <c r="C139" s="65" t="s">
        <v>237</v>
      </c>
      <c r="D139" s="50"/>
      <c r="E139" s="69"/>
      <c r="F139" s="70"/>
    </row>
    <row r="140" spans="2:6" s="4" customFormat="1" ht="27" customHeight="1" x14ac:dyDescent="0.25">
      <c r="B140" s="60" t="s">
        <v>254</v>
      </c>
      <c r="C140" s="66" t="s">
        <v>255</v>
      </c>
      <c r="D140" s="50" t="s">
        <v>339</v>
      </c>
      <c r="E140" s="69"/>
      <c r="F140" s="70"/>
    </row>
    <row r="141" spans="2:6" s="4" customFormat="1" ht="27" customHeight="1" x14ac:dyDescent="0.25">
      <c r="B141" s="61" t="s">
        <v>256</v>
      </c>
      <c r="C141" s="65" t="s">
        <v>91</v>
      </c>
      <c r="D141" s="50"/>
      <c r="E141" s="69"/>
      <c r="F141" s="70"/>
    </row>
    <row r="142" spans="2:6" s="4" customFormat="1" ht="27" customHeight="1" x14ac:dyDescent="0.25">
      <c r="B142" s="61" t="s">
        <v>257</v>
      </c>
      <c r="C142" s="65" t="s">
        <v>258</v>
      </c>
      <c r="D142" s="50"/>
      <c r="E142" s="69"/>
      <c r="F142" s="70"/>
    </row>
    <row r="143" spans="2:6" s="4" customFormat="1" ht="27" customHeight="1" x14ac:dyDescent="0.25">
      <c r="B143" s="61" t="s">
        <v>259</v>
      </c>
      <c r="C143" s="65" t="s">
        <v>260</v>
      </c>
      <c r="D143" s="50"/>
      <c r="E143" s="69"/>
      <c r="F143" s="70"/>
    </row>
    <row r="144" spans="2:6" s="4" customFormat="1" ht="27" customHeight="1" x14ac:dyDescent="0.25">
      <c r="B144" s="61" t="s">
        <v>261</v>
      </c>
      <c r="C144" s="65" t="s">
        <v>262</v>
      </c>
      <c r="D144" s="50"/>
      <c r="E144" s="69"/>
      <c r="F144" s="70"/>
    </row>
    <row r="145" spans="2:6" s="4" customFormat="1" ht="27" customHeight="1" x14ac:dyDescent="0.25">
      <c r="B145" s="61" t="s">
        <v>263</v>
      </c>
      <c r="C145" s="65" t="s">
        <v>264</v>
      </c>
      <c r="D145" s="50"/>
      <c r="E145" s="69"/>
      <c r="F145" s="70"/>
    </row>
    <row r="146" spans="2:6" s="4" customFormat="1" ht="41.25" customHeight="1" x14ac:dyDescent="0.25">
      <c r="B146" s="61" t="s">
        <v>265</v>
      </c>
      <c r="C146" s="65" t="s">
        <v>266</v>
      </c>
      <c r="D146" s="50"/>
      <c r="E146" s="69"/>
      <c r="F146" s="70"/>
    </row>
    <row r="147" spans="2:6" s="4" customFormat="1" ht="27" customHeight="1" x14ac:dyDescent="0.25">
      <c r="B147" s="61" t="s">
        <v>267</v>
      </c>
      <c r="C147" s="65" t="s">
        <v>268</v>
      </c>
      <c r="D147" s="50"/>
      <c r="E147" s="69"/>
      <c r="F147" s="70"/>
    </row>
    <row r="148" spans="2:6" s="4" customFormat="1" ht="27" customHeight="1" x14ac:dyDescent="0.25">
      <c r="B148" s="61" t="s">
        <v>269</v>
      </c>
      <c r="C148" s="65" t="s">
        <v>270</v>
      </c>
      <c r="D148" s="50"/>
      <c r="E148" s="69"/>
      <c r="F148" s="70"/>
    </row>
    <row r="149" spans="2:6" s="4" customFormat="1" ht="27" customHeight="1" x14ac:dyDescent="0.25">
      <c r="B149" s="56" t="s">
        <v>271</v>
      </c>
      <c r="C149" s="44" t="s">
        <v>272</v>
      </c>
      <c r="D149" s="50"/>
      <c r="E149" s="69"/>
      <c r="F149" s="70"/>
    </row>
    <row r="150" spans="2:6" s="4" customFormat="1" ht="27" customHeight="1" x14ac:dyDescent="0.25">
      <c r="B150" s="56" t="s">
        <v>273</v>
      </c>
      <c r="C150" s="44" t="s">
        <v>231</v>
      </c>
      <c r="D150" s="50"/>
      <c r="E150" s="69"/>
      <c r="F150" s="70"/>
    </row>
    <row r="151" spans="2:6" s="4" customFormat="1" ht="27" customHeight="1" x14ac:dyDescent="0.25">
      <c r="B151" s="61" t="s">
        <v>274</v>
      </c>
      <c r="C151" s="65" t="s">
        <v>275</v>
      </c>
      <c r="D151" s="50"/>
      <c r="E151" s="69"/>
      <c r="F151" s="70"/>
    </row>
    <row r="152" spans="2:6" s="4" customFormat="1" ht="27" customHeight="1" x14ac:dyDescent="0.25">
      <c r="B152" s="61" t="s">
        <v>276</v>
      </c>
      <c r="C152" s="65" t="s">
        <v>237</v>
      </c>
      <c r="D152" s="50"/>
      <c r="E152" s="69"/>
      <c r="F152" s="70"/>
    </row>
    <row r="153" spans="2:6" s="4" customFormat="1" ht="27" customHeight="1" x14ac:dyDescent="0.25">
      <c r="B153" s="61" t="s">
        <v>277</v>
      </c>
      <c r="C153" s="65" t="s">
        <v>278</v>
      </c>
      <c r="D153" s="50"/>
      <c r="E153" s="69"/>
      <c r="F153" s="70"/>
    </row>
    <row r="154" spans="2:6" s="4" customFormat="1" ht="27" customHeight="1" x14ac:dyDescent="0.25">
      <c r="B154" s="60" t="s">
        <v>279</v>
      </c>
      <c r="C154" s="66" t="s">
        <v>280</v>
      </c>
      <c r="D154" s="50" t="s">
        <v>339</v>
      </c>
      <c r="E154" s="69"/>
      <c r="F154" s="70"/>
    </row>
    <row r="155" spans="2:6" s="4" customFormat="1" ht="27" customHeight="1" x14ac:dyDescent="0.25">
      <c r="B155" s="61" t="s">
        <v>281</v>
      </c>
      <c r="C155" s="65" t="s">
        <v>282</v>
      </c>
      <c r="D155" s="50"/>
      <c r="E155" s="69"/>
      <c r="F155" s="70"/>
    </row>
    <row r="156" spans="2:6" s="4" customFormat="1" ht="27" customHeight="1" x14ac:dyDescent="0.25">
      <c r="B156" s="61" t="s">
        <v>283</v>
      </c>
      <c r="C156" s="65" t="s">
        <v>284</v>
      </c>
      <c r="D156" s="50"/>
      <c r="E156" s="69"/>
      <c r="F156" s="70"/>
    </row>
    <row r="157" spans="2:6" s="4" customFormat="1" ht="27" customHeight="1" x14ac:dyDescent="0.25">
      <c r="B157" s="61" t="s">
        <v>285</v>
      </c>
      <c r="C157" s="65" t="s">
        <v>286</v>
      </c>
      <c r="D157" s="50"/>
      <c r="E157" s="69"/>
      <c r="F157" s="70"/>
    </row>
    <row r="158" spans="2:6" s="4" customFormat="1" ht="27" customHeight="1" x14ac:dyDescent="0.25">
      <c r="B158" s="60" t="s">
        <v>59</v>
      </c>
      <c r="C158" s="65" t="s">
        <v>287</v>
      </c>
      <c r="D158" s="50"/>
      <c r="E158" s="69"/>
      <c r="F158" s="70"/>
    </row>
    <row r="159" spans="2:6" s="4" customFormat="1" ht="27" customHeight="1" x14ac:dyDescent="0.25">
      <c r="B159" s="60" t="s">
        <v>60</v>
      </c>
      <c r="C159" s="65" t="s">
        <v>288</v>
      </c>
      <c r="D159" s="50"/>
      <c r="E159" s="69"/>
      <c r="F159" s="70"/>
    </row>
    <row r="160" spans="2:6" s="4" customFormat="1" ht="27" customHeight="1" x14ac:dyDescent="0.25">
      <c r="B160" s="60" t="s">
        <v>61</v>
      </c>
      <c r="C160" s="65" t="s">
        <v>289</v>
      </c>
      <c r="D160" s="50"/>
      <c r="E160" s="69"/>
      <c r="F160" s="70"/>
    </row>
    <row r="161" spans="2:6" s="4" customFormat="1" ht="27" customHeight="1" x14ac:dyDescent="0.25">
      <c r="B161" s="60" t="s">
        <v>62</v>
      </c>
      <c r="C161" s="65" t="s">
        <v>290</v>
      </c>
      <c r="D161" s="50"/>
      <c r="E161" s="69"/>
      <c r="F161" s="70"/>
    </row>
    <row r="162" spans="2:6" s="4" customFormat="1" ht="27" customHeight="1" x14ac:dyDescent="0.25">
      <c r="B162" s="57" t="s">
        <v>63</v>
      </c>
      <c r="C162" s="44" t="s">
        <v>291</v>
      </c>
      <c r="D162" s="50"/>
      <c r="E162" s="69"/>
      <c r="F162" s="70"/>
    </row>
    <row r="163" spans="2:6" s="4" customFormat="1" ht="27" customHeight="1" thickBot="1" x14ac:dyDescent="0.3">
      <c r="B163" s="58" t="s">
        <v>71</v>
      </c>
      <c r="C163" s="48" t="s">
        <v>292</v>
      </c>
      <c r="D163" s="119"/>
      <c r="E163" s="120"/>
      <c r="F163" s="121"/>
    </row>
    <row r="164" spans="2:6" s="3" customFormat="1" ht="5.0999999999999996" customHeight="1" x14ac:dyDescent="0.25">
      <c r="B164" s="5"/>
      <c r="C164" s="5"/>
      <c r="D164" s="7"/>
      <c r="E164" s="7"/>
      <c r="F164" s="25"/>
    </row>
    <row r="165" spans="2:6" s="2" customFormat="1" ht="20.100000000000001" customHeight="1" x14ac:dyDescent="0.25">
      <c r="B165" s="82" t="s">
        <v>48</v>
      </c>
      <c r="C165" s="82"/>
      <c r="D165" s="82"/>
      <c r="E165" s="82"/>
      <c r="F165" s="82"/>
    </row>
    <row r="166" spans="2:6" s="2" customFormat="1" ht="5.0999999999999996" customHeight="1" thickBot="1" x14ac:dyDescent="0.3">
      <c r="B166" s="15"/>
      <c r="D166" s="6"/>
      <c r="E166" s="6"/>
      <c r="F166" s="6"/>
    </row>
    <row r="167" spans="2:6" s="3" customFormat="1" ht="69" customHeight="1" x14ac:dyDescent="0.25">
      <c r="B167" s="83" t="s">
        <v>8</v>
      </c>
      <c r="C167" s="84"/>
      <c r="D167" s="102" t="s">
        <v>31</v>
      </c>
      <c r="E167" s="103"/>
      <c r="F167" s="104"/>
    </row>
    <row r="168" spans="2:6" s="3" customFormat="1" ht="30" customHeight="1" thickBot="1" x14ac:dyDescent="0.3">
      <c r="B168" s="85"/>
      <c r="C168" s="86"/>
      <c r="D168" s="23" t="s">
        <v>7</v>
      </c>
      <c r="E168" s="105" t="s">
        <v>32</v>
      </c>
      <c r="F168" s="106"/>
    </row>
    <row r="169" spans="2:6" s="2" customFormat="1" ht="42.75" customHeight="1" x14ac:dyDescent="0.25">
      <c r="B169" s="59" t="s">
        <v>294</v>
      </c>
      <c r="C169" s="26" t="s">
        <v>293</v>
      </c>
      <c r="D169" s="50"/>
      <c r="E169" s="67"/>
      <c r="F169" s="68"/>
    </row>
    <row r="170" spans="2:6" s="2" customFormat="1" ht="42" customHeight="1" x14ac:dyDescent="0.25">
      <c r="B170" s="59" t="s">
        <v>59</v>
      </c>
      <c r="C170" s="26" t="s">
        <v>295</v>
      </c>
      <c r="D170" s="50"/>
      <c r="E170" s="67"/>
      <c r="F170" s="68"/>
    </row>
    <row r="171" spans="2:6" s="2" customFormat="1" ht="24" customHeight="1" x14ac:dyDescent="0.25">
      <c r="B171" s="59" t="s">
        <v>60</v>
      </c>
      <c r="C171" s="26" t="s">
        <v>296</v>
      </c>
      <c r="D171" s="50" t="s">
        <v>339</v>
      </c>
      <c r="E171" s="67"/>
      <c r="F171" s="68"/>
    </row>
    <row r="172" spans="2:6" s="2" customFormat="1" ht="24.75" customHeight="1" x14ac:dyDescent="0.25">
      <c r="B172" s="49" t="s">
        <v>297</v>
      </c>
      <c r="C172" s="26" t="s">
        <v>298</v>
      </c>
      <c r="D172" s="50"/>
      <c r="E172" s="67"/>
      <c r="F172" s="68"/>
    </row>
    <row r="173" spans="2:6" s="2" customFormat="1" ht="30.75" customHeight="1" x14ac:dyDescent="0.25">
      <c r="B173" s="49" t="s">
        <v>300</v>
      </c>
      <c r="C173" s="26" t="s">
        <v>299</v>
      </c>
      <c r="D173" s="50"/>
      <c r="E173" s="67"/>
      <c r="F173" s="68"/>
    </row>
    <row r="174" spans="2:6" s="2" customFormat="1" ht="26.25" customHeight="1" x14ac:dyDescent="0.25">
      <c r="B174" s="49" t="s">
        <v>301</v>
      </c>
      <c r="C174" s="26" t="s">
        <v>304</v>
      </c>
      <c r="D174" s="50"/>
      <c r="E174" s="67"/>
      <c r="F174" s="68"/>
    </row>
    <row r="175" spans="2:6" s="2" customFormat="1" ht="44.25" customHeight="1" x14ac:dyDescent="0.25">
      <c r="B175" s="49" t="s">
        <v>302</v>
      </c>
      <c r="C175" s="26" t="s">
        <v>305</v>
      </c>
      <c r="D175" s="50"/>
      <c r="E175" s="67"/>
      <c r="F175" s="68"/>
    </row>
    <row r="176" spans="2:6" s="2" customFormat="1" ht="120" customHeight="1" x14ac:dyDescent="0.25">
      <c r="B176" s="49" t="s">
        <v>303</v>
      </c>
      <c r="C176" s="26" t="s">
        <v>306</v>
      </c>
      <c r="D176" s="50"/>
      <c r="E176" s="67"/>
      <c r="F176" s="68"/>
    </row>
    <row r="177" spans="2:6" s="2" customFormat="1" ht="122.25" customHeight="1" x14ac:dyDescent="0.25">
      <c r="B177" s="59" t="s">
        <v>61</v>
      </c>
      <c r="C177" s="26" t="s">
        <v>307</v>
      </c>
      <c r="D177" s="50"/>
      <c r="E177" s="67"/>
      <c r="F177" s="68"/>
    </row>
    <row r="178" spans="2:6" s="2" customFormat="1" ht="41.25" customHeight="1" x14ac:dyDescent="0.25">
      <c r="B178" s="59" t="s">
        <v>62</v>
      </c>
      <c r="C178" s="26" t="s">
        <v>308</v>
      </c>
      <c r="D178" s="50"/>
      <c r="E178" s="67"/>
      <c r="F178" s="68"/>
    </row>
    <row r="179" spans="2:6" s="2" customFormat="1" ht="66" customHeight="1" x14ac:dyDescent="0.25">
      <c r="B179" s="59" t="s">
        <v>63</v>
      </c>
      <c r="C179" s="26" t="s">
        <v>309</v>
      </c>
      <c r="D179" s="50"/>
      <c r="E179" s="67"/>
      <c r="F179" s="68"/>
    </row>
    <row r="180" spans="2:6" s="2" customFormat="1" ht="70.5" customHeight="1" x14ac:dyDescent="0.25">
      <c r="B180" s="59" t="s">
        <v>71</v>
      </c>
      <c r="C180" s="26" t="s">
        <v>310</v>
      </c>
      <c r="D180" s="50"/>
      <c r="E180" s="67"/>
      <c r="F180" s="68"/>
    </row>
    <row r="181" spans="2:6" s="2" customFormat="1" ht="99" customHeight="1" x14ac:dyDescent="0.25">
      <c r="B181" s="59" t="s">
        <v>64</v>
      </c>
      <c r="C181" s="26" t="s">
        <v>311</v>
      </c>
      <c r="D181" s="50"/>
      <c r="E181" s="67"/>
      <c r="F181" s="68"/>
    </row>
    <row r="182" spans="2:6" s="2" customFormat="1" ht="30.75" customHeight="1" x14ac:dyDescent="0.25">
      <c r="B182" s="122" t="s">
        <v>65</v>
      </c>
      <c r="C182" s="26" t="s">
        <v>312</v>
      </c>
      <c r="D182" s="50"/>
      <c r="E182" s="67"/>
      <c r="F182" s="68"/>
    </row>
    <row r="183" spans="2:6" s="2" customFormat="1" ht="30.75" customHeight="1" x14ac:dyDescent="0.25">
      <c r="B183" s="123"/>
      <c r="C183" s="26" t="s">
        <v>313</v>
      </c>
      <c r="D183" s="50"/>
      <c r="E183" s="67"/>
      <c r="F183" s="68"/>
    </row>
    <row r="184" spans="2:6" s="2" customFormat="1" ht="47.25" customHeight="1" x14ac:dyDescent="0.25">
      <c r="B184" s="123"/>
      <c r="C184" s="26" t="s">
        <v>314</v>
      </c>
      <c r="D184" s="50"/>
      <c r="E184" s="67"/>
      <c r="F184" s="68"/>
    </row>
    <row r="185" spans="2:6" s="2" customFormat="1" ht="30.75" customHeight="1" x14ac:dyDescent="0.25">
      <c r="B185" s="123"/>
      <c r="C185" s="26" t="s">
        <v>315</v>
      </c>
      <c r="D185" s="50"/>
      <c r="E185" s="67"/>
      <c r="F185" s="68"/>
    </row>
    <row r="186" spans="2:6" s="2" customFormat="1" ht="36" customHeight="1" x14ac:dyDescent="0.25">
      <c r="B186" s="124"/>
      <c r="C186" s="26" t="s">
        <v>316</v>
      </c>
      <c r="D186" s="50"/>
      <c r="E186" s="67"/>
      <c r="F186" s="68"/>
    </row>
    <row r="187" spans="2:6" s="2" customFormat="1" ht="48.75" customHeight="1" x14ac:dyDescent="0.25">
      <c r="B187" s="124"/>
      <c r="C187" s="26" t="s">
        <v>317</v>
      </c>
      <c r="D187" s="50"/>
      <c r="E187" s="67"/>
      <c r="F187" s="68"/>
    </row>
    <row r="188" spans="2:6" s="2" customFormat="1" ht="58.5" customHeight="1" x14ac:dyDescent="0.25">
      <c r="B188" s="125"/>
      <c r="C188" s="26" t="s">
        <v>318</v>
      </c>
      <c r="D188" s="50"/>
      <c r="E188" s="67"/>
      <c r="F188" s="68"/>
    </row>
    <row r="189" spans="2:6" s="2" customFormat="1" ht="114" customHeight="1" x14ac:dyDescent="0.25">
      <c r="B189" s="59" t="s">
        <v>66</v>
      </c>
      <c r="C189" s="26" t="s">
        <v>319</v>
      </c>
      <c r="D189" s="50"/>
      <c r="E189" s="67"/>
      <c r="F189" s="68"/>
    </row>
    <row r="190" spans="2:6" s="2" customFormat="1" ht="171.75" customHeight="1" x14ac:dyDescent="0.25">
      <c r="B190" s="59" t="s">
        <v>67</v>
      </c>
      <c r="C190" s="26" t="s">
        <v>322</v>
      </c>
      <c r="D190" s="50"/>
      <c r="E190" s="67"/>
      <c r="F190" s="68"/>
    </row>
    <row r="191" spans="2:6" s="2" customFormat="1" ht="57.75" customHeight="1" x14ac:dyDescent="0.25">
      <c r="B191" s="49" t="s">
        <v>320</v>
      </c>
      <c r="C191" s="26" t="s">
        <v>321</v>
      </c>
      <c r="D191" s="50"/>
      <c r="E191" s="67"/>
      <c r="F191" s="68"/>
    </row>
    <row r="192" spans="2:6" s="2" customFormat="1" ht="54.75" customHeight="1" x14ac:dyDescent="0.25">
      <c r="B192" s="49" t="s">
        <v>324</v>
      </c>
      <c r="C192" s="26" t="s">
        <v>323</v>
      </c>
      <c r="D192" s="50"/>
      <c r="E192" s="67"/>
      <c r="F192" s="68"/>
    </row>
    <row r="193" spans="2:7" s="2" customFormat="1" ht="127.5" customHeight="1" x14ac:dyDescent="0.25">
      <c r="B193" s="59" t="s">
        <v>72</v>
      </c>
      <c r="C193" s="26" t="s">
        <v>325</v>
      </c>
      <c r="D193" s="50"/>
      <c r="E193" s="67"/>
      <c r="F193" s="68"/>
    </row>
    <row r="194" spans="2:7" s="2" customFormat="1" ht="62.25" customHeight="1" x14ac:dyDescent="0.25">
      <c r="B194" s="49" t="s">
        <v>81</v>
      </c>
      <c r="C194" s="26" t="s">
        <v>326</v>
      </c>
      <c r="D194" s="50"/>
      <c r="E194" s="67"/>
      <c r="F194" s="68"/>
    </row>
    <row r="195" spans="2:7" s="2" customFormat="1" ht="153" x14ac:dyDescent="0.25">
      <c r="B195" s="59" t="s">
        <v>73</v>
      </c>
      <c r="C195" s="26" t="s">
        <v>327</v>
      </c>
      <c r="D195" s="50"/>
      <c r="E195" s="67"/>
      <c r="F195" s="68"/>
    </row>
    <row r="196" spans="2:7" s="2" customFormat="1" ht="102" x14ac:dyDescent="0.25">
      <c r="B196" s="59" t="s">
        <v>68</v>
      </c>
      <c r="C196" s="26" t="s">
        <v>328</v>
      </c>
      <c r="D196" s="50"/>
      <c r="E196" s="67"/>
      <c r="F196" s="68"/>
    </row>
    <row r="197" spans="2:7" s="2" customFormat="1" ht="43.5" customHeight="1" x14ac:dyDescent="0.25">
      <c r="B197" s="59" t="s">
        <v>74</v>
      </c>
      <c r="C197" s="26" t="s">
        <v>82</v>
      </c>
      <c r="D197" s="50"/>
      <c r="E197" s="67"/>
      <c r="F197" s="68"/>
    </row>
    <row r="198" spans="2:7" s="2" customFormat="1" ht="55.5" customHeight="1" x14ac:dyDescent="0.25">
      <c r="B198" s="59" t="s">
        <v>75</v>
      </c>
      <c r="C198" s="26" t="s">
        <v>329</v>
      </c>
      <c r="D198" s="50"/>
      <c r="E198" s="67"/>
      <c r="F198" s="68"/>
    </row>
    <row r="199" spans="2:7" s="2" customFormat="1" ht="78.75" customHeight="1" x14ac:dyDescent="0.25">
      <c r="B199" s="59" t="s">
        <v>76</v>
      </c>
      <c r="C199" s="26" t="s">
        <v>330</v>
      </c>
      <c r="D199" s="50"/>
      <c r="E199" s="67"/>
      <c r="F199" s="68"/>
    </row>
    <row r="200" spans="2:7" s="2" customFormat="1" ht="90.75" customHeight="1" x14ac:dyDescent="0.25">
      <c r="B200" s="59" t="s">
        <v>77</v>
      </c>
      <c r="C200" s="26" t="s">
        <v>331</v>
      </c>
      <c r="D200" s="50"/>
      <c r="E200" s="67"/>
      <c r="F200" s="68"/>
    </row>
    <row r="201" spans="2:7" s="2" customFormat="1" ht="93.75" customHeight="1" x14ac:dyDescent="0.25">
      <c r="B201" s="122" t="s">
        <v>78</v>
      </c>
      <c r="C201" s="26" t="s">
        <v>332</v>
      </c>
      <c r="D201" s="50"/>
      <c r="E201" s="67"/>
      <c r="F201" s="68"/>
    </row>
    <row r="202" spans="2:7" s="2" customFormat="1" ht="104.25" customHeight="1" x14ac:dyDescent="0.25">
      <c r="B202" s="126"/>
      <c r="C202" s="26" t="s">
        <v>333</v>
      </c>
      <c r="D202" s="50"/>
      <c r="E202" s="67"/>
      <c r="F202" s="68"/>
    </row>
    <row r="203" spans="2:7" s="2" customFormat="1" ht="132.75" customHeight="1" x14ac:dyDescent="0.25">
      <c r="B203" s="59" t="s">
        <v>79</v>
      </c>
      <c r="C203" s="26" t="s">
        <v>334</v>
      </c>
      <c r="D203" s="50"/>
      <c r="E203" s="67"/>
      <c r="F203" s="68"/>
    </row>
    <row r="204" spans="2:7" s="2" customFormat="1" ht="53.25" customHeight="1" thickBot="1" x14ac:dyDescent="0.3">
      <c r="B204" s="127" t="s">
        <v>80</v>
      </c>
      <c r="C204" s="128" t="s">
        <v>335</v>
      </c>
      <c r="D204" s="119"/>
      <c r="E204" s="109"/>
      <c r="F204" s="110"/>
    </row>
    <row r="205" spans="2:7" s="3" customFormat="1" ht="5.0999999999999996" customHeight="1" x14ac:dyDescent="0.25">
      <c r="B205" s="5"/>
      <c r="C205" s="5"/>
      <c r="D205" s="7"/>
      <c r="E205" s="7"/>
      <c r="F205" s="25"/>
      <c r="G205" s="2"/>
    </row>
    <row r="206" spans="2:7" s="2" customFormat="1" ht="20.100000000000001" customHeight="1" x14ac:dyDescent="0.25">
      <c r="B206" s="82" t="s">
        <v>55</v>
      </c>
      <c r="C206" s="82"/>
      <c r="D206" s="82"/>
      <c r="E206" s="82"/>
      <c r="F206" s="82"/>
    </row>
    <row r="207" spans="2:7" s="2" customFormat="1" ht="4.5" customHeight="1" thickBot="1" x14ac:dyDescent="0.3"/>
    <row r="208" spans="2:7" s="2" customFormat="1" ht="80.25" customHeight="1" x14ac:dyDescent="0.25">
      <c r="B208" s="83" t="s">
        <v>56</v>
      </c>
      <c r="C208" s="84"/>
      <c r="D208" s="102" t="s">
        <v>57</v>
      </c>
      <c r="E208" s="103"/>
      <c r="F208" s="104"/>
    </row>
    <row r="209" spans="2:7" s="3" customFormat="1" ht="29.25" customHeight="1" thickBot="1" x14ac:dyDescent="0.3">
      <c r="B209" s="85"/>
      <c r="C209" s="86"/>
      <c r="D209" s="23" t="s">
        <v>7</v>
      </c>
      <c r="E209" s="105" t="s">
        <v>32</v>
      </c>
      <c r="F209" s="106"/>
      <c r="G209" s="2"/>
    </row>
    <row r="210" spans="2:7" s="3" customFormat="1" ht="27" customHeight="1" x14ac:dyDescent="0.25">
      <c r="B210" s="51" t="s">
        <v>16</v>
      </c>
      <c r="C210" s="52" t="s">
        <v>70</v>
      </c>
      <c r="D210" s="53"/>
      <c r="E210" s="100"/>
      <c r="F210" s="101"/>
      <c r="G210" s="2"/>
    </row>
    <row r="211" spans="2:7" s="3" customFormat="1" ht="30.75" customHeight="1" thickBot="1" x14ac:dyDescent="0.3">
      <c r="B211" s="54" t="s">
        <v>59</v>
      </c>
      <c r="C211" s="62" t="s">
        <v>58</v>
      </c>
      <c r="D211" s="55"/>
      <c r="E211" s="109"/>
      <c r="F211" s="110"/>
      <c r="G211" s="2"/>
    </row>
    <row r="212" spans="2:7" s="2" customFormat="1" ht="5.0999999999999996" customHeight="1" x14ac:dyDescent="0.25">
      <c r="B212" s="5"/>
      <c r="C212" s="5"/>
      <c r="D212" s="7"/>
      <c r="E212" s="7"/>
      <c r="F212" s="25"/>
    </row>
    <row r="213" spans="2:7" s="2" customFormat="1" ht="20.100000000000001" customHeight="1" x14ac:dyDescent="0.25">
      <c r="B213" s="82" t="s">
        <v>15</v>
      </c>
      <c r="C213" s="82"/>
      <c r="D213" s="82"/>
      <c r="E213" s="82"/>
      <c r="F213" s="82"/>
    </row>
    <row r="214" spans="2:7" s="3" customFormat="1" ht="30" customHeight="1" x14ac:dyDescent="0.25">
      <c r="B214" s="5" t="s">
        <v>17</v>
      </c>
      <c r="C214" s="93" t="s">
        <v>49</v>
      </c>
      <c r="D214" s="93"/>
      <c r="E214" s="93"/>
      <c r="F214" s="93"/>
      <c r="G214" s="2"/>
    </row>
    <row r="215" spans="2:7" s="28" customFormat="1" ht="30" customHeight="1" x14ac:dyDescent="0.25">
      <c r="B215" s="5" t="s">
        <v>33</v>
      </c>
      <c r="C215" s="93" t="s">
        <v>34</v>
      </c>
      <c r="D215" s="93"/>
      <c r="E215" s="93"/>
      <c r="F215" s="93"/>
      <c r="G215" s="2"/>
    </row>
    <row r="216" spans="2:7" s="28" customFormat="1" ht="30" customHeight="1" x14ac:dyDescent="0.25">
      <c r="B216" s="94" t="s">
        <v>35</v>
      </c>
      <c r="C216" s="94"/>
      <c r="D216" s="94"/>
      <c r="E216" s="94"/>
      <c r="F216" s="3"/>
      <c r="G216" s="2"/>
    </row>
    <row r="217" spans="2:7" s="2" customFormat="1" ht="24.95" customHeight="1" x14ac:dyDescent="0.25">
      <c r="B217" s="27" t="s">
        <v>36</v>
      </c>
      <c r="C217" s="91"/>
      <c r="D217" s="91"/>
      <c r="F217" s="28"/>
    </row>
    <row r="218" spans="2:7" s="2" customFormat="1" ht="24.95" customHeight="1" x14ac:dyDescent="0.25">
      <c r="B218" s="27" t="s">
        <v>37</v>
      </c>
      <c r="C218" s="91"/>
      <c r="D218" s="91"/>
      <c r="F218" s="28"/>
    </row>
    <row r="219" spans="2:7" s="2" customFormat="1" ht="24.95" customHeight="1" x14ac:dyDescent="0.25">
      <c r="B219" s="27" t="s">
        <v>38</v>
      </c>
      <c r="C219" s="91"/>
      <c r="D219" s="91"/>
      <c r="F219" s="28"/>
    </row>
    <row r="220" spans="2:7" s="3" customFormat="1" ht="24.95" customHeight="1" x14ac:dyDescent="0.25">
      <c r="B220" s="27" t="s">
        <v>39</v>
      </c>
      <c r="C220" s="91"/>
      <c r="D220" s="91"/>
      <c r="E220" s="2"/>
      <c r="F220" s="29"/>
      <c r="G220" s="2"/>
    </row>
    <row r="221" spans="2:7" s="2" customFormat="1" ht="14.25" customHeight="1" x14ac:dyDescent="0.2">
      <c r="B221" s="11"/>
      <c r="C221" s="12"/>
      <c r="D221" s="12"/>
      <c r="F221" s="30"/>
    </row>
    <row r="222" spans="2:7" s="3" customFormat="1" ht="15" customHeight="1" x14ac:dyDescent="0.25">
      <c r="B222" s="95" t="s">
        <v>40</v>
      </c>
      <c r="C222" s="95"/>
      <c r="D222" s="95"/>
      <c r="E222" s="95"/>
      <c r="F222" s="95"/>
    </row>
    <row r="223" spans="2:7" s="2" customFormat="1" ht="36.75" customHeight="1" x14ac:dyDescent="0.25">
      <c r="B223" s="92" t="s">
        <v>52</v>
      </c>
      <c r="C223" s="92"/>
      <c r="D223" s="92"/>
      <c r="E223" s="92"/>
      <c r="F223" s="92"/>
    </row>
    <row r="224" spans="2:7" s="2" customFormat="1" ht="20.100000000000001" customHeight="1" x14ac:dyDescent="0.2">
      <c r="B224" s="1"/>
      <c r="C224" s="1"/>
      <c r="D224" s="8"/>
      <c r="E224" s="8"/>
    </row>
    <row r="225" spans="2:6" s="3" customFormat="1" ht="4.5" customHeight="1" x14ac:dyDescent="0.2">
      <c r="B225" s="1"/>
      <c r="C225" s="1"/>
      <c r="D225" s="8"/>
      <c r="E225" s="8"/>
      <c r="F225" s="2"/>
    </row>
    <row r="226" spans="2:6" s="3" customFormat="1" ht="20.100000000000001" customHeight="1" x14ac:dyDescent="0.25">
      <c r="B226" s="31" t="s">
        <v>41</v>
      </c>
      <c r="C226" s="32"/>
      <c r="D226" s="33" t="s">
        <v>42</v>
      </c>
      <c r="E226" s="89"/>
      <c r="F226" s="89"/>
    </row>
    <row r="227" spans="2:6" s="3" customFormat="1" ht="20.100000000000001" customHeight="1" x14ac:dyDescent="0.25">
      <c r="B227" s="34"/>
      <c r="C227" s="34"/>
      <c r="D227" s="34"/>
      <c r="E227" s="35"/>
      <c r="F227" s="35"/>
    </row>
    <row r="228" spans="2:6" ht="20.100000000000001" customHeight="1" x14ac:dyDescent="0.2">
      <c r="B228" s="31" t="s">
        <v>43</v>
      </c>
      <c r="C228" s="32"/>
      <c r="D228" s="36" t="s">
        <v>44</v>
      </c>
      <c r="E228" s="90"/>
      <c r="F228" s="90"/>
    </row>
    <row r="229" spans="2:6" s="2" customFormat="1" ht="20.100000000000001" customHeight="1" x14ac:dyDescent="0.2">
      <c r="B229" s="1"/>
      <c r="C229" s="1"/>
      <c r="D229" s="36" t="s">
        <v>45</v>
      </c>
      <c r="E229" s="91"/>
      <c r="F229" s="91"/>
    </row>
    <row r="230" spans="2:6" s="2" customFormat="1" ht="20.100000000000001" customHeight="1" x14ac:dyDescent="0.2">
      <c r="B230" s="1"/>
      <c r="C230" s="1"/>
      <c r="D230" s="37" t="s">
        <v>46</v>
      </c>
      <c r="E230" s="1"/>
    </row>
    <row r="231" spans="2:6" s="2" customFormat="1" ht="37.5" customHeight="1" x14ac:dyDescent="0.25"/>
    <row r="232" spans="2:6" s="2" customFormat="1" ht="24" customHeight="1" x14ac:dyDescent="0.25"/>
    <row r="233" spans="2:6" s="2" customFormat="1" ht="24" customHeight="1" x14ac:dyDescent="0.25"/>
    <row r="234" spans="2:6" s="2" customFormat="1" ht="24" customHeight="1" x14ac:dyDescent="0.25"/>
    <row r="235" spans="2:6" s="2" customFormat="1" ht="20.100000000000001" customHeight="1" x14ac:dyDescent="0.25"/>
    <row r="236" spans="2:6" s="2" customFormat="1" ht="20.100000000000001" customHeight="1" x14ac:dyDescent="0.25"/>
    <row r="237" spans="2:6" s="2" customFormat="1" ht="50.1" customHeight="1" x14ac:dyDescent="0.25"/>
    <row r="238" spans="2:6" s="2" customFormat="1" ht="43.5" customHeight="1" x14ac:dyDescent="0.25"/>
    <row r="239" spans="2:6" ht="24.75" customHeight="1" x14ac:dyDescent="0.2">
      <c r="B239" s="2"/>
      <c r="C239" s="2"/>
      <c r="D239" s="2"/>
      <c r="E239" s="2"/>
    </row>
    <row r="240" spans="2:6" x14ac:dyDescent="0.2">
      <c r="B240" s="2"/>
      <c r="C240" s="2"/>
      <c r="D240" s="2"/>
      <c r="E240" s="2"/>
    </row>
    <row r="241" ht="20.100000000000001" customHeight="1" x14ac:dyDescent="0.2"/>
    <row r="242" ht="4.5" customHeight="1" x14ac:dyDescent="0.2"/>
    <row r="243" ht="20.100000000000001" customHeight="1" x14ac:dyDescent="0.2"/>
    <row r="244" ht="20.100000000000001" customHeight="1" x14ac:dyDescent="0.2"/>
    <row r="245" ht="20.100000000000001" customHeight="1" x14ac:dyDescent="0.2"/>
  </sheetData>
  <mergeCells count="210">
    <mergeCell ref="E92:F92"/>
    <mergeCell ref="E68:F68"/>
    <mergeCell ref="E69:F69"/>
    <mergeCell ref="E70:F70"/>
    <mergeCell ref="E85:F85"/>
    <mergeCell ref="E86:F86"/>
    <mergeCell ref="E80:F80"/>
    <mergeCell ref="E81:F81"/>
    <mergeCell ref="E82:F82"/>
    <mergeCell ref="E83:F83"/>
    <mergeCell ref="E84:F84"/>
    <mergeCell ref="E71:F71"/>
    <mergeCell ref="E72:F72"/>
    <mergeCell ref="E73:F73"/>
    <mergeCell ref="E74:F74"/>
    <mergeCell ref="E75:F75"/>
    <mergeCell ref="E76:F76"/>
    <mergeCell ref="E77:F77"/>
    <mergeCell ref="E78:F78"/>
    <mergeCell ref="E79:F79"/>
    <mergeCell ref="E52:F52"/>
    <mergeCell ref="E44:F44"/>
    <mergeCell ref="E45:F45"/>
    <mergeCell ref="E47:F47"/>
    <mergeCell ref="E48:F48"/>
    <mergeCell ref="D36:F36"/>
    <mergeCell ref="E37:F37"/>
    <mergeCell ref="B22:F22"/>
    <mergeCell ref="C27:D27"/>
    <mergeCell ref="B30:C30"/>
    <mergeCell ref="E211:F211"/>
    <mergeCell ref="B206:F206"/>
    <mergeCell ref="B208:C209"/>
    <mergeCell ref="D208:F208"/>
    <mergeCell ref="E209:F209"/>
    <mergeCell ref="E49:F49"/>
    <mergeCell ref="E50:F50"/>
    <mergeCell ref="E170:F170"/>
    <mergeCell ref="E53:F53"/>
    <mergeCell ref="E54:F54"/>
    <mergeCell ref="E55:F55"/>
    <mergeCell ref="E56:F56"/>
    <mergeCell ref="E61:F61"/>
    <mergeCell ref="E57:F57"/>
    <mergeCell ref="E58:F58"/>
    <mergeCell ref="E59:F59"/>
    <mergeCell ref="E60:F60"/>
    <mergeCell ref="E62:F62"/>
    <mergeCell ref="E63:F63"/>
    <mergeCell ref="E64:F64"/>
    <mergeCell ref="E65:F65"/>
    <mergeCell ref="E66:F66"/>
    <mergeCell ref="E67:F67"/>
    <mergeCell ref="E91:F91"/>
    <mergeCell ref="B2:F2"/>
    <mergeCell ref="B1:F1"/>
    <mergeCell ref="B23:C23"/>
    <mergeCell ref="B26:C26"/>
    <mergeCell ref="E210:F210"/>
    <mergeCell ref="E172:F172"/>
    <mergeCell ref="E173:F173"/>
    <mergeCell ref="E174:F174"/>
    <mergeCell ref="E175:F175"/>
    <mergeCell ref="E176:F176"/>
    <mergeCell ref="E177:F177"/>
    <mergeCell ref="E178:F178"/>
    <mergeCell ref="E171:F171"/>
    <mergeCell ref="B165:F165"/>
    <mergeCell ref="B167:C168"/>
    <mergeCell ref="D167:F167"/>
    <mergeCell ref="E168:F168"/>
    <mergeCell ref="E46:F46"/>
    <mergeCell ref="B21:F21"/>
    <mergeCell ref="B16:D16"/>
    <mergeCell ref="B17:D17"/>
    <mergeCell ref="B18:F18"/>
    <mergeCell ref="B3:F3"/>
    <mergeCell ref="B7:F7"/>
    <mergeCell ref="E226:F226"/>
    <mergeCell ref="E228:F228"/>
    <mergeCell ref="E229:F229"/>
    <mergeCell ref="B223:F223"/>
    <mergeCell ref="B213:F213"/>
    <mergeCell ref="C214:F214"/>
    <mergeCell ref="C215:F215"/>
    <mergeCell ref="B216:E216"/>
    <mergeCell ref="B222:F222"/>
    <mergeCell ref="C217:D217"/>
    <mergeCell ref="C218:D218"/>
    <mergeCell ref="C219:D219"/>
    <mergeCell ref="C220:D220"/>
    <mergeCell ref="B8:F8"/>
    <mergeCell ref="B9:F9"/>
    <mergeCell ref="B11:F11"/>
    <mergeCell ref="B12:D12"/>
    <mergeCell ref="E169:F169"/>
    <mergeCell ref="E40:F40"/>
    <mergeCell ref="B38:F38"/>
    <mergeCell ref="E39:F39"/>
    <mergeCell ref="E87:F87"/>
    <mergeCell ref="E100:F100"/>
    <mergeCell ref="E101:F101"/>
    <mergeCell ref="C28:D28"/>
    <mergeCell ref="B13:D13"/>
    <mergeCell ref="B34:F34"/>
    <mergeCell ref="B36:C37"/>
    <mergeCell ref="E41:F41"/>
    <mergeCell ref="E42:F42"/>
    <mergeCell ref="E43:F43"/>
    <mergeCell ref="B19:F19"/>
    <mergeCell ref="B20:D20"/>
    <mergeCell ref="E51:F51"/>
    <mergeCell ref="E88:F88"/>
    <mergeCell ref="E89:F89"/>
    <mergeCell ref="E90:F90"/>
    <mergeCell ref="E93:F93"/>
    <mergeCell ref="E94:F94"/>
    <mergeCell ref="E95:F95"/>
    <mergeCell ref="E96:F96"/>
    <mergeCell ref="E97:F97"/>
    <mergeCell ref="E98:F98"/>
    <mergeCell ref="E99:F99"/>
    <mergeCell ref="E102:F102"/>
    <mergeCell ref="E103:F103"/>
    <mergeCell ref="E104:F104"/>
    <mergeCell ref="E105:F105"/>
    <mergeCell ref="E106:F106"/>
    <mergeCell ref="E108:F108"/>
    <mergeCell ref="E109:F109"/>
    <mergeCell ref="E110:F110"/>
    <mergeCell ref="E111:F111"/>
    <mergeCell ref="E112:F112"/>
    <mergeCell ref="E118:F118"/>
    <mergeCell ref="E107:F107"/>
    <mergeCell ref="E119:F119"/>
    <mergeCell ref="E120:F120"/>
    <mergeCell ref="E113:F113"/>
    <mergeCell ref="E114:F114"/>
    <mergeCell ref="E115:F115"/>
    <mergeCell ref="E116:F116"/>
    <mergeCell ref="E117:F117"/>
    <mergeCell ref="E129:F129"/>
    <mergeCell ref="E160:F160"/>
    <mergeCell ref="E151:F151"/>
    <mergeCell ref="E156:F156"/>
    <mergeCell ref="E157:F157"/>
    <mergeCell ref="E158:F158"/>
    <mergeCell ref="E161:F161"/>
    <mergeCell ref="E162:F162"/>
    <mergeCell ref="E163:F163"/>
    <mergeCell ref="E123:F123"/>
    <mergeCell ref="E121:F121"/>
    <mergeCell ref="E122:F122"/>
    <mergeCell ref="E124:F124"/>
    <mergeCell ref="E125:F125"/>
    <mergeCell ref="E126:F126"/>
    <mergeCell ref="E127:F127"/>
    <mergeCell ref="E128:F128"/>
    <mergeCell ref="E133:F133"/>
    <mergeCell ref="E134:F134"/>
    <mergeCell ref="E135:F135"/>
    <mergeCell ref="E136:F136"/>
    <mergeCell ref="E137:F137"/>
    <mergeCell ref="E138:F138"/>
    <mergeCell ref="E139:F139"/>
    <mergeCell ref="E140:F140"/>
    <mergeCell ref="E141:F141"/>
    <mergeCell ref="E142:F142"/>
    <mergeCell ref="E179:F179"/>
    <mergeCell ref="E180:F180"/>
    <mergeCell ref="E181:F181"/>
    <mergeCell ref="E182:F182"/>
    <mergeCell ref="E183:F183"/>
    <mergeCell ref="E184:F184"/>
    <mergeCell ref="E185:F185"/>
    <mergeCell ref="E186:F186"/>
    <mergeCell ref="E130:F130"/>
    <mergeCell ref="E131:F131"/>
    <mergeCell ref="E132:F132"/>
    <mergeCell ref="E155:F155"/>
    <mergeCell ref="E159:F159"/>
    <mergeCell ref="E143:F143"/>
    <mergeCell ref="E152:F152"/>
    <mergeCell ref="E153:F153"/>
    <mergeCell ref="E154:F154"/>
    <mergeCell ref="E144:F144"/>
    <mergeCell ref="E145:F145"/>
    <mergeCell ref="E146:F146"/>
    <mergeCell ref="E147:F147"/>
    <mergeCell ref="E148:F148"/>
    <mergeCell ref="E149:F149"/>
    <mergeCell ref="E150:F150"/>
    <mergeCell ref="E187:F187"/>
    <mergeCell ref="E188:F188"/>
    <mergeCell ref="E189:F189"/>
    <mergeCell ref="E190:F190"/>
    <mergeCell ref="E191:F191"/>
    <mergeCell ref="E192:F192"/>
    <mergeCell ref="E193:F193"/>
    <mergeCell ref="E194:F194"/>
    <mergeCell ref="E195:F195"/>
    <mergeCell ref="E196:F196"/>
    <mergeCell ref="E197:F197"/>
    <mergeCell ref="E198:F198"/>
    <mergeCell ref="E199:F199"/>
    <mergeCell ref="E200:F200"/>
    <mergeCell ref="E201:F201"/>
    <mergeCell ref="E202:F202"/>
    <mergeCell ref="E203:F203"/>
    <mergeCell ref="E204:F204"/>
  </mergeCells>
  <conditionalFormatting sqref="D46 D178:D180 D182:D204 D49:D51 D53:D68 D70:D86">
    <cfRule type="containsBlanks" dxfId="49" priority="87">
      <formula>LEN(TRIM(D46))=0</formula>
    </cfRule>
  </conditionalFormatting>
  <conditionalFormatting sqref="E228:F228">
    <cfRule type="containsBlanks" dxfId="48" priority="86">
      <formula>LEN(TRIM(E228))=0</formula>
    </cfRule>
  </conditionalFormatting>
  <conditionalFormatting sqref="C226">
    <cfRule type="containsBlanks" dxfId="47" priority="84">
      <formula>LEN(TRIM(C226))=0</formula>
    </cfRule>
  </conditionalFormatting>
  <conditionalFormatting sqref="E229:F229">
    <cfRule type="containsBlanks" dxfId="46" priority="85">
      <formula>LEN(TRIM(E229))=0</formula>
    </cfRule>
  </conditionalFormatting>
  <conditionalFormatting sqref="C228">
    <cfRule type="containsBlanks" dxfId="45" priority="83">
      <formula>LEN(TRIM(C228))=0</formula>
    </cfRule>
  </conditionalFormatting>
  <conditionalFormatting sqref="C4:C5">
    <cfRule type="containsBlanks" dxfId="44" priority="82">
      <formula>LEN(TRIM(C4))=0</formula>
    </cfRule>
  </conditionalFormatting>
  <conditionalFormatting sqref="D39">
    <cfRule type="containsBlanks" dxfId="43" priority="81">
      <formula>LEN(TRIM(D39))=0</formula>
    </cfRule>
  </conditionalFormatting>
  <conditionalFormatting sqref="D210">
    <cfRule type="containsBlanks" dxfId="42" priority="76">
      <formula>LEN(TRIM(D210))=0</formula>
    </cfRule>
  </conditionalFormatting>
  <conditionalFormatting sqref="C219:D219">
    <cfRule type="containsBlanks" dxfId="41" priority="72">
      <formula>LEN(TRIM(C219))=0</formula>
    </cfRule>
  </conditionalFormatting>
  <conditionalFormatting sqref="D43">
    <cfRule type="containsBlanks" dxfId="40" priority="57">
      <formula>LEN(TRIM(D43))=0</formula>
    </cfRule>
  </conditionalFormatting>
  <conditionalFormatting sqref="D44">
    <cfRule type="containsBlanks" dxfId="39" priority="56">
      <formula>LEN(TRIM(D44))=0</formula>
    </cfRule>
  </conditionalFormatting>
  <conditionalFormatting sqref="D45">
    <cfRule type="containsBlanks" dxfId="38" priority="55">
      <formula>LEN(TRIM(D45))=0</formula>
    </cfRule>
  </conditionalFormatting>
  <conditionalFormatting sqref="D42">
    <cfRule type="containsBlanks" dxfId="37" priority="53">
      <formula>LEN(TRIM(D42))=0</formula>
    </cfRule>
  </conditionalFormatting>
  <conditionalFormatting sqref="D47">
    <cfRule type="containsBlanks" dxfId="36" priority="52">
      <formula>LEN(TRIM(D47))=0</formula>
    </cfRule>
  </conditionalFormatting>
  <conditionalFormatting sqref="D40:D41">
    <cfRule type="containsBlanks" dxfId="35" priority="54">
      <formula>LEN(TRIM(D40))=0</formula>
    </cfRule>
  </conditionalFormatting>
  <conditionalFormatting sqref="D48">
    <cfRule type="containsBlanks" dxfId="34" priority="50">
      <formula>LEN(TRIM(D48))=0</formula>
    </cfRule>
  </conditionalFormatting>
  <conditionalFormatting sqref="D101">
    <cfRule type="containsBlanks" dxfId="33" priority="31">
      <formula>LEN(TRIM(D101))=0</formula>
    </cfRule>
  </conditionalFormatting>
  <conditionalFormatting sqref="D102 D104:D105">
    <cfRule type="containsBlanks" dxfId="32" priority="35">
      <formula>LEN(TRIM(D102))=0</formula>
    </cfRule>
  </conditionalFormatting>
  <conditionalFormatting sqref="D88:D96 D98:D99">
    <cfRule type="containsBlanks" dxfId="31" priority="28">
      <formula>LEN(TRIM(D88))=0</formula>
    </cfRule>
  </conditionalFormatting>
  <conditionalFormatting sqref="D100">
    <cfRule type="containsBlanks" dxfId="30" priority="27">
      <formula>LEN(TRIM(D100))=0</formula>
    </cfRule>
  </conditionalFormatting>
  <conditionalFormatting sqref="C218:D218">
    <cfRule type="containsBlanks" dxfId="29" priority="23">
      <formula>LEN(TRIM(C218))=0</formula>
    </cfRule>
  </conditionalFormatting>
  <conditionalFormatting sqref="C217:D217">
    <cfRule type="containsBlanks" dxfId="28" priority="22">
      <formula>LEN(TRIM(C217))=0</formula>
    </cfRule>
  </conditionalFormatting>
  <conditionalFormatting sqref="C220:D220">
    <cfRule type="containsBlanks" dxfId="27" priority="21">
      <formula>LEN(TRIM(C220))=0</formula>
    </cfRule>
  </conditionalFormatting>
  <conditionalFormatting sqref="D106:D107 D109:D111 D113:D115 D117:D120">
    <cfRule type="containsBlanks" dxfId="26" priority="20">
      <formula>LEN(TRIM(D106))=0</formula>
    </cfRule>
  </conditionalFormatting>
  <conditionalFormatting sqref="D121 D123:D128 D130:D139 D141:D153 D155:D160">
    <cfRule type="containsBlanks" dxfId="25" priority="19">
      <formula>LEN(TRIM(D121))=0</formula>
    </cfRule>
  </conditionalFormatting>
  <conditionalFormatting sqref="D161:D163">
    <cfRule type="containsBlanks" dxfId="24" priority="18">
      <formula>LEN(TRIM(D161))=0</formula>
    </cfRule>
  </conditionalFormatting>
  <conditionalFormatting sqref="D69">
    <cfRule type="containsBlanks" dxfId="23" priority="17">
      <formula>LEN(TRIM(D69))=0</formula>
    </cfRule>
  </conditionalFormatting>
  <conditionalFormatting sqref="D169:D177">
    <cfRule type="containsBlanks" dxfId="22" priority="16">
      <formula>LEN(TRIM(D169))=0</formula>
    </cfRule>
  </conditionalFormatting>
  <conditionalFormatting sqref="D211">
    <cfRule type="containsBlanks" dxfId="21" priority="14">
      <formula>LEN(TRIM(D211))=0</formula>
    </cfRule>
  </conditionalFormatting>
  <conditionalFormatting sqref="D181">
    <cfRule type="containsBlanks" dxfId="20" priority="13">
      <formula>LEN(TRIM(D181))=0</formula>
    </cfRule>
  </conditionalFormatting>
  <conditionalFormatting sqref="D122">
    <cfRule type="containsBlanks" dxfId="19" priority="11">
      <formula>LEN(TRIM(D122))=0</formula>
    </cfRule>
  </conditionalFormatting>
  <conditionalFormatting sqref="D87">
    <cfRule type="containsBlanks" dxfId="17" priority="9">
      <formula>LEN(TRIM(D87))=0</formula>
    </cfRule>
  </conditionalFormatting>
  <conditionalFormatting sqref="D97">
    <cfRule type="containsBlanks" dxfId="15" priority="8">
      <formula>LEN(TRIM(D97))=0</formula>
    </cfRule>
  </conditionalFormatting>
  <conditionalFormatting sqref="D103">
    <cfRule type="containsBlanks" dxfId="13" priority="7">
      <formula>LEN(TRIM(D103))=0</formula>
    </cfRule>
  </conditionalFormatting>
  <conditionalFormatting sqref="D108">
    <cfRule type="containsBlanks" dxfId="11" priority="6">
      <formula>LEN(TRIM(D108))=0</formula>
    </cfRule>
  </conditionalFormatting>
  <conditionalFormatting sqref="D112">
    <cfRule type="containsBlanks" dxfId="9" priority="5">
      <formula>LEN(TRIM(D112))=0</formula>
    </cfRule>
  </conditionalFormatting>
  <conditionalFormatting sqref="D116">
    <cfRule type="containsBlanks" dxfId="7" priority="4">
      <formula>LEN(TRIM(D116))=0</formula>
    </cfRule>
  </conditionalFormatting>
  <conditionalFormatting sqref="D129">
    <cfRule type="containsBlanks" dxfId="5" priority="3">
      <formula>LEN(TRIM(D129))=0</formula>
    </cfRule>
  </conditionalFormatting>
  <conditionalFormatting sqref="D140">
    <cfRule type="containsBlanks" dxfId="3" priority="2">
      <formula>LEN(TRIM(D140))=0</formula>
    </cfRule>
  </conditionalFormatting>
  <conditionalFormatting sqref="D154">
    <cfRule type="containsBlanks" dxfId="1" priority="1">
      <formula>LEN(TRIM(D154))=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47" min="1" max="5" man="1"/>
    <brk id="86" min="1" max="5" man="1"/>
    <brk id="128" min="1" max="5" man="1"/>
    <brk id="200"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1-08-27T05:35:59Z</cp:lastPrinted>
  <dcterms:created xsi:type="dcterms:W3CDTF">2017-04-21T05:51:15Z</dcterms:created>
  <dcterms:modified xsi:type="dcterms:W3CDTF">2021-08-27T05:36:33Z</dcterms:modified>
</cp:coreProperties>
</file>